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3"/>
  </p:notesMasterIdLst>
  <p:sldIdLst>
    <p:sldId id="283" r:id="rId2"/>
    <p:sldId id="275" r:id="rId3"/>
    <p:sldId id="286" r:id="rId4"/>
    <p:sldId id="270" r:id="rId5"/>
    <p:sldId id="259" r:id="rId6"/>
    <p:sldId id="284" r:id="rId7"/>
    <p:sldId id="285" r:id="rId8"/>
    <p:sldId id="309" r:id="rId9"/>
    <p:sldId id="279" r:id="rId10"/>
    <p:sldId id="278" r:id="rId11"/>
    <p:sldId id="287" r:id="rId12"/>
    <p:sldId id="288" r:id="rId13"/>
    <p:sldId id="289" r:id="rId14"/>
    <p:sldId id="290" r:id="rId15"/>
    <p:sldId id="308" r:id="rId16"/>
    <p:sldId id="300" r:id="rId17"/>
    <p:sldId id="297" r:id="rId18"/>
    <p:sldId id="303" r:id="rId19"/>
    <p:sldId id="291" r:id="rId20"/>
    <p:sldId id="302" r:id="rId21"/>
    <p:sldId id="304" r:id="rId22"/>
  </p:sldIdLst>
  <p:sldSz cx="10058400" cy="5715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725AC"/>
    <a:srgbClr val="E08ADC"/>
  </p:clrMru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702" autoAdjust="0"/>
    <p:restoredTop sz="94579" autoAdjust="0"/>
  </p:normalViewPr>
  <p:slideViewPr>
    <p:cSldViewPr>
      <p:cViewPr>
        <p:scale>
          <a:sx n="50" d="100"/>
          <a:sy n="50" d="100"/>
        </p:scale>
        <p:origin x="-1710" y="-600"/>
      </p:cViewPr>
      <p:guideLst>
        <p:guide orient="horz" pos="1800"/>
        <p:guide pos="3168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7B9E09D-42D5-4774-9B8B-6175DE4C6C78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412750" y="685800"/>
            <a:ext cx="60325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44228DC-CCE2-4019-B3AA-30D94734BD2A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marL="0" marR="0" indent="0" algn="l" defTabSz="1143506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1270260-6291-4A64-8463-A0B017F382EC}" type="slidenum">
              <a:rPr lang="zh-CN" altLang="en-US" smtClean="0"/>
              <a:pPr/>
              <a:t>2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zh-CN" altLang="en-US" dirty="0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1270260-6291-4A64-8463-A0B017F382EC}" type="slidenum">
              <a:rPr lang="zh-CN" altLang="en-US" smtClean="0"/>
              <a:pPr/>
              <a:t>9</a:t>
            </a:fld>
            <a:endParaRPr lang="zh-CN" alt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54380" y="1775355"/>
            <a:ext cx="8549640" cy="1225021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08760" y="3238500"/>
            <a:ext cx="7040880" cy="14605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022272" y="190500"/>
            <a:ext cx="2488407" cy="40640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553562" y="190500"/>
            <a:ext cx="7301071" cy="40640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94544" y="3672417"/>
            <a:ext cx="8549640" cy="1135063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94544" y="2422261"/>
            <a:ext cx="8549640" cy="1250156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553562" y="1111250"/>
            <a:ext cx="4894738" cy="31432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615941" y="1111250"/>
            <a:ext cx="4894739" cy="31432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02920" y="228865"/>
            <a:ext cx="9052560" cy="9525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02920" y="1279261"/>
            <a:ext cx="4444207" cy="533135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2920" y="1812396"/>
            <a:ext cx="4444207" cy="329274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109528" y="1279261"/>
            <a:ext cx="4445953" cy="533135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109528" y="1812396"/>
            <a:ext cx="4445953" cy="3292740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02921" y="227542"/>
            <a:ext cx="3309144" cy="968375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932555" y="227542"/>
            <a:ext cx="5622925" cy="4877594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502921" y="1195917"/>
            <a:ext cx="3309144" cy="3909219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971517" y="4000500"/>
            <a:ext cx="6035040" cy="472282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971517" y="510646"/>
            <a:ext cx="6035040" cy="34290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971517" y="4472782"/>
            <a:ext cx="6035040" cy="670718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502920" y="228865"/>
            <a:ext cx="9052560" cy="9525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02920" y="1333500"/>
            <a:ext cx="9052560" cy="377163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502920" y="5296959"/>
            <a:ext cx="2346960" cy="304271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C5828B9-6022-440F-8F7A-E5E24E5D0363}" type="datetimeFigureOut">
              <a:rPr lang="en-US" smtClean="0"/>
              <a:pPr/>
              <a:t>8/21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436620" y="5296959"/>
            <a:ext cx="3185160" cy="304271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208520" y="5296959"/>
            <a:ext cx="2346960" cy="304271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C576590-36C5-4343-B559-7BEEFD6E6B9D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13" Type="http://schemas.openxmlformats.org/officeDocument/2006/relationships/image" Target="../media/image12.png"/><Relationship Id="rId3" Type="http://schemas.openxmlformats.org/officeDocument/2006/relationships/image" Target="../media/image2.png"/><Relationship Id="rId7" Type="http://schemas.openxmlformats.org/officeDocument/2006/relationships/image" Target="../media/image6.png"/><Relationship Id="rId12" Type="http://schemas.openxmlformats.org/officeDocument/2006/relationships/image" Target="../media/image11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.png"/><Relationship Id="rId11" Type="http://schemas.openxmlformats.org/officeDocument/2006/relationships/image" Target="../media/image10.png"/><Relationship Id="rId5" Type="http://schemas.openxmlformats.org/officeDocument/2006/relationships/image" Target="../media/image4.png"/><Relationship Id="rId10" Type="http://schemas.openxmlformats.org/officeDocument/2006/relationships/image" Target="../media/image9.png"/><Relationship Id="rId4" Type="http://schemas.openxmlformats.org/officeDocument/2006/relationships/image" Target="../media/image3.png"/><Relationship Id="rId9" Type="http://schemas.openxmlformats.org/officeDocument/2006/relationships/image" Target="../media/image8.png"/><Relationship Id="rId14" Type="http://schemas.openxmlformats.org/officeDocument/2006/relationships/image" Target="../media/image13.pn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jpe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43.png"/><Relationship Id="rId13" Type="http://schemas.openxmlformats.org/officeDocument/2006/relationships/image" Target="../media/image48.png"/><Relationship Id="rId18" Type="http://schemas.openxmlformats.org/officeDocument/2006/relationships/image" Target="../media/image53.png"/><Relationship Id="rId26" Type="http://schemas.openxmlformats.org/officeDocument/2006/relationships/image" Target="../media/image61.png"/><Relationship Id="rId3" Type="http://schemas.openxmlformats.org/officeDocument/2006/relationships/image" Target="../media/image38.png"/><Relationship Id="rId21" Type="http://schemas.openxmlformats.org/officeDocument/2006/relationships/image" Target="../media/image56.png"/><Relationship Id="rId7" Type="http://schemas.openxmlformats.org/officeDocument/2006/relationships/image" Target="../media/image42.png"/><Relationship Id="rId12" Type="http://schemas.openxmlformats.org/officeDocument/2006/relationships/image" Target="../media/image47.png"/><Relationship Id="rId17" Type="http://schemas.openxmlformats.org/officeDocument/2006/relationships/image" Target="../media/image52.png"/><Relationship Id="rId25" Type="http://schemas.openxmlformats.org/officeDocument/2006/relationships/image" Target="../media/image60.png"/><Relationship Id="rId2" Type="http://schemas.openxmlformats.org/officeDocument/2006/relationships/image" Target="../media/image37.png"/><Relationship Id="rId16" Type="http://schemas.openxmlformats.org/officeDocument/2006/relationships/image" Target="../media/image51.png"/><Relationship Id="rId20" Type="http://schemas.openxmlformats.org/officeDocument/2006/relationships/image" Target="../media/image5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1.png"/><Relationship Id="rId11" Type="http://schemas.openxmlformats.org/officeDocument/2006/relationships/image" Target="../media/image46.png"/><Relationship Id="rId24" Type="http://schemas.openxmlformats.org/officeDocument/2006/relationships/image" Target="../media/image59.png"/><Relationship Id="rId5" Type="http://schemas.openxmlformats.org/officeDocument/2006/relationships/image" Target="../media/image40.png"/><Relationship Id="rId15" Type="http://schemas.openxmlformats.org/officeDocument/2006/relationships/image" Target="../media/image50.png"/><Relationship Id="rId23" Type="http://schemas.openxmlformats.org/officeDocument/2006/relationships/image" Target="../media/image58.png"/><Relationship Id="rId10" Type="http://schemas.openxmlformats.org/officeDocument/2006/relationships/image" Target="../media/image45.png"/><Relationship Id="rId19" Type="http://schemas.openxmlformats.org/officeDocument/2006/relationships/image" Target="../media/image54.png"/><Relationship Id="rId4" Type="http://schemas.openxmlformats.org/officeDocument/2006/relationships/image" Target="../media/image39.png"/><Relationship Id="rId9" Type="http://schemas.openxmlformats.org/officeDocument/2006/relationships/image" Target="../media/image44.png"/><Relationship Id="rId14" Type="http://schemas.openxmlformats.org/officeDocument/2006/relationships/image" Target="../media/image49.png"/><Relationship Id="rId22" Type="http://schemas.openxmlformats.org/officeDocument/2006/relationships/image" Target="../media/image57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png"/><Relationship Id="rId2" Type="http://schemas.openxmlformats.org/officeDocument/2006/relationships/image" Target="../media/image62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png"/><Relationship Id="rId2" Type="http://schemas.openxmlformats.org/officeDocument/2006/relationships/image" Target="../media/image64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6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8.png"/><Relationship Id="rId2" Type="http://schemas.openxmlformats.org/officeDocument/2006/relationships/image" Target="../media/image67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png"/><Relationship Id="rId2" Type="http://schemas.openxmlformats.org/officeDocument/2006/relationships/image" Target="../media/image6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3.png"/><Relationship Id="rId5" Type="http://schemas.openxmlformats.org/officeDocument/2006/relationships/image" Target="../media/image72.png"/><Relationship Id="rId4" Type="http://schemas.openxmlformats.org/officeDocument/2006/relationships/image" Target="../media/image71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6.png"/><Relationship Id="rId4" Type="http://schemas.openxmlformats.org/officeDocument/2006/relationships/image" Target="../media/image15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4.jpeg"/><Relationship Id="rId2" Type="http://schemas.openxmlformats.org/officeDocument/2006/relationships/image" Target="../media/image6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7.png"/><Relationship Id="rId5" Type="http://schemas.openxmlformats.org/officeDocument/2006/relationships/image" Target="../media/image76.png"/><Relationship Id="rId4" Type="http://schemas.openxmlformats.org/officeDocument/2006/relationships/image" Target="../media/image75.jpeg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0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4.png"/><Relationship Id="rId4" Type="http://schemas.openxmlformats.org/officeDocument/2006/relationships/image" Target="../media/image23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1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bg1">
                <a:lumMod val="95000"/>
              </a:schemeClr>
            </a:gs>
            <a:gs pos="52000">
              <a:schemeClr val="bg1">
                <a:lumMod val="85000"/>
                <a:alpha val="42000"/>
              </a:schemeClr>
            </a:gs>
            <a:gs pos="80000">
              <a:schemeClr val="tx1">
                <a:lumMod val="50000"/>
                <a:lumOff val="50000"/>
                <a:alpha val="26000"/>
              </a:schemeClr>
            </a:gs>
          </a:gsLst>
          <a:path path="circle">
            <a:fillToRect l="50000" t="50000" r="50000" b="50000"/>
          </a:path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3" descr="E:\SHIT\Serious SHIT\Models\A240-Pendin\1st-slide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76199" y="157104"/>
            <a:ext cx="7259215" cy="5557896"/>
          </a:xfrm>
          <a:prstGeom prst="rect">
            <a:avLst/>
          </a:prstGeom>
          <a:noFill/>
        </p:spPr>
      </p:pic>
      <p:sp>
        <p:nvSpPr>
          <p:cNvPr id="6" name="TextBox 5"/>
          <p:cNvSpPr txBox="1"/>
          <p:nvPr/>
        </p:nvSpPr>
        <p:spPr>
          <a:xfrm>
            <a:off x="6096000" y="1104900"/>
            <a:ext cx="1545616" cy="76944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4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Sketch Block" pitchFamily="2" charset="0"/>
                <a:ea typeface="Tahoma" pitchFamily="34" charset="0"/>
                <a:cs typeface="Tahoma" pitchFamily="34" charset="0"/>
              </a:rPr>
              <a:t>A240</a:t>
            </a:r>
            <a:endParaRPr lang="en-IN" sz="4400" dirty="0">
              <a:solidFill>
                <a:schemeClr val="tx1">
                  <a:lumMod val="75000"/>
                  <a:lumOff val="25000"/>
                </a:schemeClr>
              </a:solidFill>
              <a:latin typeface="Sketch Block" pitchFamily="2" charset="0"/>
              <a:ea typeface="Tahoma" pitchFamily="34" charset="0"/>
              <a:cs typeface="Tahoma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7391400" y="1943100"/>
            <a:ext cx="598241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omic Sans MS" pitchFamily="66" charset="0"/>
              </a:rPr>
              <a:t>with</a:t>
            </a:r>
            <a:endParaRPr lang="en-IN" sz="1600" dirty="0">
              <a:solidFill>
                <a:schemeClr val="tx1">
                  <a:lumMod val="65000"/>
                  <a:lumOff val="35000"/>
                </a:schemeClr>
              </a:solidFill>
              <a:latin typeface="Comic Sans MS" pitchFamily="66" charset="0"/>
            </a:endParaRPr>
          </a:p>
        </p:txBody>
      </p:sp>
      <p:pic>
        <p:nvPicPr>
          <p:cNvPr id="9" name="Picture 17" descr="E:\SHIT\Serious SHIT\Models\A111\Evernote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7772400" y="3653254"/>
            <a:ext cx="1016000" cy="353439"/>
          </a:xfrm>
          <a:prstGeom prst="rect">
            <a:avLst/>
          </a:prstGeom>
          <a:noFill/>
        </p:spPr>
      </p:pic>
      <p:pic>
        <p:nvPicPr>
          <p:cNvPr id="10" name="Picture 2" descr="E:\SHIT\Serious SHIT\Models\A111\QUAD-CORE.pn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7391400" y="2205454"/>
            <a:ext cx="1447800" cy="1447800"/>
          </a:xfrm>
          <a:prstGeom prst="rect">
            <a:avLst/>
          </a:prstGeom>
          <a:noFill/>
        </p:spPr>
      </p:pic>
      <p:pic>
        <p:nvPicPr>
          <p:cNvPr id="11" name="Picture 17" descr="E:\SHIT\Serious SHIT\Models\A111\Evernote.png"/>
          <p:cNvPicPr>
            <a:picLocks noChangeAspect="1" noChangeArrowheads="1"/>
          </p:cNvPicPr>
          <p:nvPr/>
        </p:nvPicPr>
        <p:blipFill>
          <a:blip r:embed="rId5" cstate="email"/>
          <a:srcRect/>
          <a:stretch>
            <a:fillRect/>
          </a:stretch>
        </p:blipFill>
        <p:spPr bwMode="auto">
          <a:xfrm>
            <a:off x="7848600" y="4082893"/>
            <a:ext cx="1600200" cy="429639"/>
          </a:xfrm>
          <a:prstGeom prst="rect">
            <a:avLst/>
          </a:prstGeom>
          <a:noFill/>
        </p:spPr>
      </p:pic>
      <p:pic>
        <p:nvPicPr>
          <p:cNvPr id="12" name="Picture 2" descr="E:\SHIT\Serious SHIT\Models\A240-Pendin\bigger-ad.png"/>
          <p:cNvPicPr>
            <a:picLocks noChangeAspect="1" noChangeArrowheads="1"/>
          </p:cNvPicPr>
          <p:nvPr/>
        </p:nvPicPr>
        <p:blipFill>
          <a:blip r:embed="rId6" cstate="email"/>
          <a:srcRect/>
          <a:stretch>
            <a:fillRect/>
          </a:stretch>
        </p:blipFill>
        <p:spPr bwMode="auto">
          <a:xfrm>
            <a:off x="5029200" y="4762500"/>
            <a:ext cx="1676400" cy="454582"/>
          </a:xfrm>
          <a:prstGeom prst="rect">
            <a:avLst/>
          </a:prstGeom>
          <a:noFill/>
        </p:spPr>
      </p:pic>
      <p:pic>
        <p:nvPicPr>
          <p:cNvPr id="14" name="Picture 2" descr="E:\SHIT\Serious SHIT\Models\A111\Doodle.png"/>
          <p:cNvPicPr>
            <a:picLocks noChangeAspect="1" noChangeArrowheads="1"/>
          </p:cNvPicPr>
          <p:nvPr/>
        </p:nvPicPr>
        <p:blipFill>
          <a:blip r:embed="rId7" cstate="email"/>
          <a:srcRect/>
          <a:stretch>
            <a:fillRect/>
          </a:stretch>
        </p:blipFill>
        <p:spPr bwMode="auto">
          <a:xfrm>
            <a:off x="4975413" y="432545"/>
            <a:ext cx="1676400" cy="713681"/>
          </a:xfrm>
          <a:prstGeom prst="rect">
            <a:avLst/>
          </a:prstGeom>
          <a:noFill/>
        </p:spPr>
      </p:pic>
      <p:pic>
        <p:nvPicPr>
          <p:cNvPr id="1029" name="Picture 5" descr="E:\SHIT\Serious SHIT\Models\A240-Pendin\images\logo-up.png"/>
          <p:cNvPicPr>
            <a:picLocks noChangeAspect="1" noChangeArrowheads="1"/>
          </p:cNvPicPr>
          <p:nvPr/>
        </p:nvPicPr>
        <p:blipFill>
          <a:blip r:embed="rId8" cstate="email"/>
          <a:srcRect/>
          <a:stretch>
            <a:fillRect/>
          </a:stretch>
        </p:blipFill>
        <p:spPr bwMode="auto">
          <a:xfrm>
            <a:off x="6763872" y="383242"/>
            <a:ext cx="2895600" cy="174161"/>
          </a:xfrm>
          <a:prstGeom prst="rect">
            <a:avLst/>
          </a:prstGeom>
          <a:noFill/>
        </p:spPr>
      </p:pic>
      <p:pic>
        <p:nvPicPr>
          <p:cNvPr id="1030" name="Picture 6" descr="E:\SHIT\Serious SHIT\Models\A240-Pendin\images\logo-down.png"/>
          <p:cNvPicPr>
            <a:picLocks noChangeAspect="1" noChangeArrowheads="1"/>
          </p:cNvPicPr>
          <p:nvPr/>
        </p:nvPicPr>
        <p:blipFill>
          <a:blip r:embed="rId9" cstate="email"/>
          <a:srcRect/>
          <a:stretch>
            <a:fillRect/>
          </a:stretch>
        </p:blipFill>
        <p:spPr bwMode="auto">
          <a:xfrm>
            <a:off x="6763871" y="836947"/>
            <a:ext cx="2895600" cy="290366"/>
          </a:xfrm>
          <a:prstGeom prst="rect">
            <a:avLst/>
          </a:prstGeom>
          <a:noFill/>
        </p:spPr>
      </p:pic>
      <p:pic>
        <p:nvPicPr>
          <p:cNvPr id="1031" name="Picture 7" descr="E:\SHIT\Serious SHIT\Models\A240-Pendin\images\logo-left.png"/>
          <p:cNvPicPr>
            <a:picLocks noChangeAspect="1" noChangeArrowheads="1"/>
          </p:cNvPicPr>
          <p:nvPr/>
        </p:nvPicPr>
        <p:blipFill>
          <a:blip r:embed="rId10" cstate="email"/>
          <a:srcRect/>
          <a:stretch>
            <a:fillRect/>
          </a:stretch>
        </p:blipFill>
        <p:spPr bwMode="auto">
          <a:xfrm>
            <a:off x="6763871" y="401171"/>
            <a:ext cx="144000" cy="720000"/>
          </a:xfrm>
          <a:prstGeom prst="rect">
            <a:avLst/>
          </a:prstGeom>
          <a:noFill/>
        </p:spPr>
      </p:pic>
      <p:pic>
        <p:nvPicPr>
          <p:cNvPr id="1032" name="Picture 8" descr="E:\SHIT\Serious SHIT\Models\A240-Pendin\images\logo-right.png"/>
          <p:cNvPicPr>
            <a:picLocks noChangeAspect="1" noChangeArrowheads="1"/>
          </p:cNvPicPr>
          <p:nvPr/>
        </p:nvPicPr>
        <p:blipFill>
          <a:blip r:embed="rId11" cstate="email"/>
          <a:srcRect/>
          <a:stretch>
            <a:fillRect/>
          </a:stretch>
        </p:blipFill>
        <p:spPr bwMode="auto">
          <a:xfrm>
            <a:off x="9309288" y="379454"/>
            <a:ext cx="390525" cy="720969"/>
          </a:xfrm>
          <a:prstGeom prst="rect">
            <a:avLst/>
          </a:prstGeom>
          <a:noFill/>
        </p:spPr>
      </p:pic>
      <p:pic>
        <p:nvPicPr>
          <p:cNvPr id="1033" name="Picture 9" descr="E:\SHIT\Serious SHIT\Models\A240-Pendin\images\logo-written.png"/>
          <p:cNvPicPr>
            <a:picLocks noChangeAspect="1" noChangeArrowheads="1"/>
          </p:cNvPicPr>
          <p:nvPr/>
        </p:nvPicPr>
        <p:blipFill>
          <a:blip r:embed="rId12" cstate="email"/>
          <a:srcRect/>
          <a:stretch>
            <a:fillRect/>
          </a:stretch>
        </p:blipFill>
        <p:spPr bwMode="auto">
          <a:xfrm>
            <a:off x="6871445" y="472887"/>
            <a:ext cx="2651125" cy="533400"/>
          </a:xfrm>
          <a:prstGeom prst="rect">
            <a:avLst/>
          </a:prstGeom>
          <a:noFill/>
        </p:spPr>
      </p:pic>
      <p:pic>
        <p:nvPicPr>
          <p:cNvPr id="1034" name="Picture 10" descr="E:\SHIT\Serious SHIT\Models\A240-Pendin\stylus.png"/>
          <p:cNvPicPr>
            <a:picLocks noChangeAspect="1" noChangeArrowheads="1"/>
          </p:cNvPicPr>
          <p:nvPr/>
        </p:nvPicPr>
        <p:blipFill>
          <a:blip r:embed="rId13" cstate="email"/>
          <a:srcRect/>
          <a:stretch>
            <a:fillRect/>
          </a:stretch>
        </p:blipFill>
        <p:spPr bwMode="auto">
          <a:xfrm rot="9346700">
            <a:off x="2476340" y="1981685"/>
            <a:ext cx="2992922" cy="2684491"/>
          </a:xfrm>
          <a:prstGeom prst="rect">
            <a:avLst/>
          </a:prstGeom>
          <a:noFill/>
        </p:spPr>
      </p:pic>
      <p:pic>
        <p:nvPicPr>
          <p:cNvPr id="1035" name="Picture 11" descr="E:\SHIT\Serious SHIT\Models\A240-Pendin\stylus-shadow-only.png"/>
          <p:cNvPicPr>
            <a:picLocks noChangeAspect="1" noChangeArrowheads="1"/>
          </p:cNvPicPr>
          <p:nvPr/>
        </p:nvPicPr>
        <p:blipFill>
          <a:blip r:embed="rId14" cstate="email"/>
          <a:srcRect/>
          <a:stretch>
            <a:fillRect/>
          </a:stretch>
        </p:blipFill>
        <p:spPr bwMode="auto">
          <a:xfrm>
            <a:off x="611778" y="5508798"/>
            <a:ext cx="309563" cy="91902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5445 -0.17036 C 0.05318 -0.17536 0.05303 -0.17952 0.04987 -0.18174 C 0.03503 -0.18007 0.03898 -0.18285 0.03062 -0.17369 C 0.02809 -0.16703 0.02541 -0.16065 0.02367 -0.15344 C 0.0232 -0.15122 0.02288 -0.149 0.02241 -0.14678 C 0.02225 -0.14567 0.02178 -0.14345 0.02178 -0.14317 C 0.02193 -0.13679 0.02193 -0.12985 0.02241 -0.12319 C 0.02351 -0.10793 0.03188 -0.10793 0.03835 -0.10405 C 0.04024 -0.10432 0.04229 -0.10432 0.04419 -0.10516 C 0.0464 -0.10599 0.0475 -0.11043 0.04987 -0.11182 C 0.05129 -0.1157 0.05287 -0.1182 0.05508 -0.12097 C 0.05776 -0.12791 0.06187 -0.13179 0.06518 -0.13762 C 0.06707 -0.13734 0.06913 -0.13762 0.07102 -0.13651 C 0.07181 -0.13596 0.07197 -0.13429 0.07228 -0.13318 C 0.0726 -0.13207 0.07291 -0.12874 0.07291 -0.12985 C 0.07291 -0.13734 0.07307 -0.13596 0.07039 -0.13762 C 0.06407 -0.13623 0.06565 -0.13623 0.06202 -0.12985 C 0.06108 -0.12486 0.05981 -0.12014 0.05887 -0.11515 C 0.05966 -0.10016 0.05934 -0.10266 0.06786 -0.10405 C 0.07118 -0.10987 0.07055 -0.11764 0.07165 -0.12541 C 0.07323 -0.11709 0.07165 -0.11043 0.07607 -0.10516 C 0.0827 -0.1157 0.08238 -0.13068 0.08838 -0.14123 C 0.0958 -0.13568 0.09122 -0.10904 0.08901 -0.09711 C 0.08996 -0.11653 0.09012 -0.12514 0.10116 -0.13096 C 0.10211 -0.1243 0.10227 -0.11737 0.10306 -0.11071 C 0.10416 -0.11098 0.10827 -0.11098 0.10937 -0.11404 C 0.11142 -0.11986 0.1119 -0.12985 0.11269 -0.13651 C 0.116 -0.13068 0.11837 -0.10849 0.11963 -0.09933 C 0.12121 -0.10821 0.12263 -0.11542 0.12547 -0.12319 C 0.12673 -0.12652 0.128 -0.12985 0.12926 -0.13318 C 0.12973 -0.13429 0.13052 -0.13651 0.13052 -0.13623 C 0.13368 -0.13263 0.13368 -0.12569 0.13636 -0.12097 C 0.14109 -0.12264 0.14078 -0.1268 0.14394 -0.13207 C 0.14472 -0.13346 0.14978 -0.13762 0.14978 -0.13651 C 0.14978 -0.13346 0.14678 -0.13346 0.14536 -0.13207 C 0.14394 -0.13068 0.14141 -0.12763 0.14141 -0.12735 C 0.13967 -0.12292 0.13794 -0.11931 0.13699 -0.11404 C 0.13825 -0.10488 0.14173 -0.10876 0.14725 -0.1096 C 0.15025 -0.1132 0.14899 -0.11071 0.15041 -0.11848 C 0.15056 -0.11959 0.15104 -0.12208 0.15104 -0.12181 C 0.1512 -0.12458 0.15135 -0.12735 0.15167 -0.12985 C 0.15183 -0.13096 0.1523 -0.13429 0.1523 -0.13318 C 0.1523 -0.12985 0.15199 -0.12652 0.15167 -0.12319 C 0.15135 -0.1207 0.15041 -0.11626 0.15041 -0.11598 C 0.15104 -0.10821 0.15072 -0.10765 0.15483 -0.10516 C 0.15609 -0.10543 0.15782 -0.10488 0.15877 -0.10627 C 0.15972 -0.10765 0.16003 -0.11293 0.16003 -0.11265 C 0.16067 -0.1379 0.1594 -0.12819 0.16193 -0.14234 C 0.16256 -0.14567 0.1643 -0.14983 0.16635 -0.15122 C 0.16761 -0.15205 0.17029 -0.15344 0.17029 -0.15316 C 0.17566 -0.1526 0.17787 -0.15371 0.18181 -0.149 C 0.1856 -0.13901 0.18418 -0.14151 0.18055 -0.14567 C 0.17361 -0.14484 0.17219 -0.14706 0.1684 -0.13984 C 0.16777 -0.13679 0.16603 -0.13263 0.16777 -0.12985 C 0.16824 -0.12902 0.16903 -0.1293 0.16966 -0.12874 C 0.17092 -0.12735 0.17345 -0.1243 0.17345 -0.12403 C 0.17613 -0.11709 0.17661 -0.10849 0.17282 -0.10183 C 0.1624 -0.10322 0.16587 -0.09933 0.16319 -0.10849 " pathEditMode="relative" rAng="0" ptsTypes="fffffffffffffffffffffffffffffffffffffffffffffffffffffffffA">
                                      <p:cBhvr>
                                        <p:cTn id="6" dur="20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49" y="30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22" presetClass="entr" presetSubtype="8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" dur="16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9" presetClass="emph" presetSubtype="0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 rctx="PPT">
                                        <p:cTn id="11" dur="17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opacity</p:attrName>
                                        </p:attrNameLst>
                                      </p:cBhvr>
                                      <p:to>
                                        <p:strVal val="0.5"/>
                                      </p:to>
                                    </p:set>
                                    <p:animEffect filter="image" prLst="opacity: 0.5">
                                      <p:cBhvr rctx="IE">
                                        <p:cTn id="12" dur="17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23295 -0.11154 C 0.23327 -0.11986 0.23406 -0.12846 0.23406 -0.13679 C 0.23406 -0.14178 0.23137 -0.14872 0.23358 -0.15149 C 0.23674 -0.15538 0.24132 -0.15066 0.2451 -0.15038 C 0.24684 -0.14844 0.24779 -0.14595 0.24952 -0.14373 C 0.25031 -0.13956 0.25189 -0.13623 0.25284 -0.13207 C 0.25252 -0.12514 0.25347 -0.11875 0.24952 -0.11653 C 0.24716 -0.11376 0.24447 -0.11293 0.24179 -0.11154 C 0.241 -0.11126 0.24037 -0.11098 0.23958 -0.11071 C 0.23847 -0.11043 0.23516 -0.1096 0.23627 -0.1096 C 0.23974 -0.1096 0.24258 -0.11182 0.24574 -0.11348 C 0.24842 -0.11653 0.24937 -0.11931 0.25173 -0.12236 C 0.25442 -0.1293 0.253 -0.12652 0.25552 -0.13096 C 0.2582 -0.14373 0.26531 -0.14872 0.27209 -0.15233 C 0.28693 -0.15122 0.28188 -0.15427 0.28756 -0.13984 C 0.2874 -0.13401 0.2874 -0.12819 0.28693 -0.12236 C 0.28614 -0.11237 0.27714 -0.11237 0.27272 -0.11154 C 0.26783 -0.11237 0.26767 -0.11348 0.26389 -0.11542 C 0.26089 -0.11875 0.26041 -0.12347 0.25947 -0.12902 C 0.25962 -0.13263 0.25915 -0.13873 0.26104 -0.14178 C 0.26894 -0.15427 0.28535 -0.15094 0.29419 -0.15149 C 0.29782 -0.15344 0.30145 -0.15538 0.30524 -0.15621 C 0.30839 -0.15593 0.31139 -0.15593 0.31455 -0.15538 C 0.31818 -0.15482 0.32102 -0.1354 0.32228 -0.13013 C 0.32181 -0.12514 0.32181 -0.12208 0.31897 -0.12042 C 0.31597 -0.11709 0.31297 -0.1157 0.30966 -0.11348 C 0.30413 -0.11404 0.3005 -0.11237 0.2964 -0.11737 C 0.2945 -0.12624 0.29371 -0.14095 0.29861 -0.1465 C 0.30003 -0.15066 0.30208 -0.15094 0.3046 -0.15233 C 0.3155 -0.15205 0.32639 -0.15371 0.33712 -0.15149 C 0.33822 -0.15122 0.33775 -0.14761 0.33775 -0.14567 C 0.33775 -0.13401 0.33806 -0.12236 0.33712 -0.11071 C 0.33696 -0.10849 0.33049 -0.10987 0.34264 -0.11154 C 0.34564 -0.11265 0.34864 -0.1132 0.35148 -0.11459 C 0.35337 -0.11681 0.35401 -0.11848 0.35479 -0.12236 C 0.3559 -0.13651 0.35574 -0.15094 0.34706 -0.15427 C 0.34075 -0.15399 0.33459 -0.15427 0.32828 -0.15344 C 0.32717 -0.15316 0.33049 -0.15233 0.33159 -0.15233 C 0.34343 -0.15233 0.35511 -0.15316 0.36695 -0.15344 C 0.36853 -0.15427 0.36963 -0.15593 0.36963 -0.15038 C 0.36979 -0.13623 0.36884 -0.12181 0.36916 -0.10765 C 0.36916 -0.10654 0.3701 -0.10904 0.37074 -0.1096 C 0.37137 -0.11015 0.37342 -0.11154 0.37405 -0.11154 C 0.37768 -0.11209 0.38147 -0.11237 0.3851 -0.11265 C 0.38731 -0.11376 0.38715 -0.1157 0.38778 -0.11931 C 0.38668 -0.12624 0.38194 -0.12375 0.39062 -0.12514 C 0.39094 -0.12708 0.39204 -0.12874 0.3922 -0.13096 C 0.39267 -0.1379 0.39252 -0.14511 0.39283 -0.15233 C 0.39283 -0.15371 0.39315 -0.15482 0.3933 -0.15621 C 0.39867 -0.15593 0.40388 -0.15621 0.40925 -0.15538 C 0.41067 -0.1551 0.41319 -0.15344 0.41319 -0.15316 C 0.41366 -0.15011 0.41682 -0.14206 0.41319 -0.1465 C 0.4094 -0.15677 0.39693 -0.15122 0.39283 -0.15149 C 0.39252 -0.15038 0.39188 -0.14955 0.39173 -0.14844 C 0.39157 -0.1465 0.39252 -0.14345 0.39283 -0.14178 C 0.39378 -0.13679 0.39394 -0.13152 0.39441 -0.12624 C 0.39457 -0.12042 0.39299 -0.11348 0.39504 -0.10876 C 0.39646 -0.10571 0.39946 -0.10904 0.40167 -0.1096 C 0.40546 -0.11043 0.4094 -0.11182 0.41319 -0.11265 C 0.4143 -0.12319 0.41398 -0.11154 0.41145 -0.1096 C 0.40814 -0.10682 0.40056 -0.10682 0.40056 -0.10654 C 0.39867 -0.1071 0.39678 -0.10654 0.39504 -0.10765 C 0.39441 -0.10793 0.39457 -0.1096 0.39441 -0.11071 C 0.39362 -0.11487 0.39236 -0.1182 0.39173 -0.12236 C 0.39252 -0.13623 0.39425 -0.13207 0.40325 -0.1329 C 0.41019 -0.13457 0.40798 -0.13679 0.41319 -0.13984 C 0.41761 -0.14234 0.42171 -0.14289 0.42645 -0.14373 C 0.42929 -0.14706 0.43055 -0.15233 0.43402 -0.15427 C 0.43971 -0.15344 0.44034 -0.15566 0.44176 -0.14761 C 0.4416 -0.14511 0.44176 -0.14234 0.44128 -0.13984 C 0.44097 -0.13873 0.44002 -0.13873 0.43955 -0.1379 C 0.43923 -0.13707 0.43955 -0.13568 0.43907 -0.13485 C 0.43687 -0.13096 0.43197 -0.12541 0.42913 -0.12236 C 0.42724 -0.11737 0.42692 -0.1157 0.42582 -0.11071 C 0.42661 -0.11015 0.42724 -0.10904 0.42803 -0.10876 C 0.43008 -0.10821 0.43324 -0.11209 0.43513 -0.11265 C 0.43797 -0.11348 0.44065 -0.11404 0.44349 -0.11459 C 0.44223 -0.12181 0.44239 -0.11903 0.44239 -0.12319 " pathEditMode="relative" rAng="0" ptsTypes="fffffffffffffffffffffffffffffffffffffffffffffffffffffffffffffffffffffffffffffA">
                                      <p:cBhvr>
                                        <p:cTn id="15" dur="20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04" y="-20"/>
                                    </p:animMotion>
                                  </p:childTnLst>
                                </p:cTn>
                              </p:par>
                              <p:par>
                                <p:cTn id="16" presetID="22" presetClass="entr" presetSubtype="8" fill="hold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" dur="1900"/>
                                        <p:tgtEl>
                                          <p:spTgt spid="10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9" presetClass="emph" presetSubtype="0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 rctx="PPT">
                                        <p:cTn id="20" dur="2000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style.opacity</p:attrName>
                                        </p:attrNameLst>
                                      </p:cBhvr>
                                      <p:to>
                                        <p:strVal val="0.5"/>
                                      </p:to>
                                    </p:set>
                                    <p:animEffect filter="image" prLst="opacity: 0.5">
                                      <p:cBhvr rctx="IE">
                                        <p:cTn id="21" dur="2000"/>
                                        <p:tgtEl>
                                          <p:spTgt spid="10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4100"/>
                            </p:stCondLst>
                            <p:childTnLst>
                              <p:par>
                                <p:cTn id="23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20359 -0.07464 L 0.49147 -0.07464 " pathEditMode="relative" rAng="0" ptsTypes="AA">
                                      <p:cBhvr>
                                        <p:cTn id="24" dur="5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44" y="0"/>
                                    </p:animMotion>
                                  </p:childTnLst>
                                </p:cTn>
                              </p:par>
                              <p:par>
                                <p:cTn id="2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500"/>
                                        <p:tgtEl>
                                          <p:spTgt spid="10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4600"/>
                            </p:stCondLst>
                            <p:childTnLst>
                              <p:par>
                                <p:cTn id="29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49147 -0.07242 L 0.47632 -0.19228 " pathEditMode="relative" rAng="0" ptsTypes="AA">
                                      <p:cBhvr>
                                        <p:cTn id="30" dur="5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8" y="-60"/>
                                    </p:animMotion>
                                  </p:childTnLst>
                                </p:cTn>
                              </p:par>
                              <p:par>
                                <p:cTn id="3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" dur="500"/>
                                        <p:tgtEl>
                                          <p:spTgt spid="10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5100"/>
                            </p:stCondLst>
                            <p:childTnLst>
                              <p:par>
                                <p:cTn id="35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47632 -0.19228 L 0.21117 -0.19228 " pathEditMode="relative" rAng="0" ptsTypes="AA">
                                      <p:cBhvr>
                                        <p:cTn id="36" dur="5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33" y="0"/>
                                    </p:animMotion>
                                  </p:childTnLst>
                                </p:cTn>
                              </p:par>
                              <p:par>
                                <p:cTn id="37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9" dur="500"/>
                                        <p:tgtEl>
                                          <p:spTgt spid="10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5600"/>
                            </p:stCondLst>
                            <p:childTnLst>
                              <p:par>
                                <p:cTn id="41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21117 -0.19228 L 0.21117 -0.08129 " pathEditMode="relative" rAng="0" ptsTypes="AA">
                                      <p:cBhvr>
                                        <p:cTn id="42" dur="5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55"/>
                                    </p:animMotion>
                                  </p:childTnLst>
                                </p:cTn>
                              </p:par>
                              <p:par>
                                <p:cTn id="43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5" dur="500"/>
                                        <p:tgtEl>
                                          <p:spTgt spid="10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6100"/>
                            </p:stCondLst>
                            <p:childTnLst>
                              <p:par>
                                <p:cTn id="47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4488 0.01861 C 0.14725 0.00639 0.1463 0.01194 0.14772 0.00194 C 0.14851 -0.01195 0.14962 -0.04917 0.15909 -0.05472 C 0.16082 -0.04528 0.16351 -0.03861 0.16572 -0.02972 C 0.16651 -0.02639 0.16651 -0.02278 0.16761 -0.01972 C 0.16887 -0.01639 0.17061 -0.01361 0.1714 -0.00972 C 0.1725 -0.00417 0.17503 -0.00028 0.17613 0.00528 C 0.17645 0.00694 0.17708 0.01194 0.17708 0.01028 C 0.17708 0.00083 0.17534 -0.01028 0.17234 -0.01806 C 0.16887 -0.01722 0.1654 -0.01528 0.16193 -0.01472 C 0.1553 -0.01389 0.13541 -0.01306 0.14204 -0.01306 C 0.15341 -0.01306 0.16477 -0.01417 0.17613 -0.01472 C 0.17929 -0.01667 0.18466 -0.02306 0.18466 -0.02278 C 0.18765 -0.03861 0.18892 -0.03583 0.19507 -0.04306 C 0.1976 -0.0425 0.20028 -0.04306 0.20265 -0.04139 C 0.20549 -0.03945 0.20644 -0.02639 0.20644 -0.02611 C 0.20596 -0.02139 0.2058 -0.00722 0.2017 -0.00472 C 0.19854 -0.00278 0.19318 0.00361 0.19318 0.00389 C 0.19192 0.00694 0.1916 0.01222 0.18939 0.01361 C 0.18844 0.01417 0.1856 0.01528 0.18655 0.01528 C 0.19349 0.01528 0.20249 0.01139 0.20928 0.01028 C 0.20959 0.0075 0.20928 0.00417 0.21022 0.00194 C 0.21085 0.00055 0.21243 0.00139 0.21306 0.00028 C 0.21464 -0.0025 0.21559 -0.00639 0.21685 -0.00972 L 0.21685 -0.00945 C 0.21748 -0.01333 0.21796 -0.01695 0.21969 -0.01972 C 0.21969 -0.01945 0.2268 -0.02806 0.22822 -0.02972 C 0.22916 -0.03083 0.23106 -0.03306 0.23106 -0.03278 C 0.23232 -0.04 0.232 -0.04806 0.23579 -0.03806 C 0.23453 -0.03472 0.23327 -0.03139 0.232 -0.02806 C 0.23137 -0.02667 0.23169 -0.02417 0.23106 -0.02306 C 0.23043 -0.02195 0.22916 -0.02195 0.22822 -0.02139 C 0.22601 -0.01528 0.22395 -0.01528 0.22064 -0.01139 C 0.22001 -0.00972 0.21764 -0.00667 0.21875 -0.00639 C 0.22506 -0.00528 0.23295 -0.00056 0.23769 -0.00806 C 0.24021 -0.01195 0.23705 -0.0325 0.23579 -0.04139 C 0.22948 -0.00833 0.22774 0.03972 0.24716 0.01694 C 0.25315 0.00139 0.24116 -0.0275 0.25094 -0.04139 C 0.25157 -0.04222 0.25726 -0.04472 0.25757 -0.04472 C 0.26909 -0.04278 0.26909 -0.04583 0.27083 -0.02806 C 0.27051 -0.01695 0.27067 -0.00583 0.26988 0.00528 C 0.26957 0.01055 0.26231 0.01361 0.26231 0.01389 C 0.25741 0.01083 0.25741 0.00389 0.25473 -0.00306 C 0.25378 -0.01667 0.25284 -0.02389 0.25284 -0.03806 " pathEditMode="relative" rAng="0" ptsTypes="fffffffffffffffffffffffFfffffffffffffffffffA">
                                      <p:cBhvr>
                                        <p:cTn id="48" dur="20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58" y="-26"/>
                                    </p:animMotion>
                                  </p:childTnLst>
                                </p:cTn>
                              </p:par>
                              <p:par>
                                <p:cTn id="49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1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8100"/>
                            </p:stCondLst>
                            <p:childTnLst>
                              <p:par>
                                <p:cTn id="53" presetID="35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22632 -0.06802 L -0.29641 0.05191 " pathEditMode="relative" rAng="0" ptsTypes="AA">
                                      <p:cBhvr>
                                        <p:cTn id="54" dur="20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261" y="60"/>
                                    </p:animMotion>
                                  </p:childTnLst>
                                </p:cTn>
                              </p:par>
                              <p:par>
                                <p:cTn id="55" presetID="8" presetClass="emph" presetSubtype="0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animRot by="-960000">
                                      <p:cBhvr>
                                        <p:cTn id="56" dur="1200" fill="hold"/>
                                        <p:tgtEl>
                                          <p:spTgt spid="103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57" presetID="10" presetClass="entr" presetSubtype="0" fill="hold" nodeType="withEffect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400"/>
                                        <p:tgtEl>
                                          <p:spTgt spid="10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10100"/>
                            </p:stCondLst>
                            <p:childTnLst>
                              <p:par>
                                <p:cTn id="6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11100"/>
                            </p:stCondLst>
                            <p:childTnLst>
                              <p:par>
                                <p:cTn id="6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8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458" name="Picture 2" descr="D:\ARNAB BACKUP\PRODUCT PRESENTATIONS\2013\JULY 2013\DEALERS MEET\ANDROID\A240\A240\Picture5.jp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0" y="0"/>
            <a:ext cx="10058400" cy="5715000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4772903" y="4878169"/>
            <a:ext cx="505689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32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</a:rPr>
              <a:t>SMART </a:t>
            </a:r>
            <a:r>
              <a:rPr lang="en-US" altLang="zh-CN" sz="36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FLIP COVERS</a:t>
            </a:r>
            <a:endParaRPr lang="en-US" altLang="zh-CN" sz="4400" dirty="0">
              <a:solidFill>
                <a:schemeClr val="tx1">
                  <a:lumMod val="65000"/>
                  <a:lumOff val="35000"/>
                </a:schemeClr>
              </a:solidFill>
              <a:latin typeface="Sketch Block" pitchFamily="2" charset="0"/>
              <a:ea typeface="微软雅黑" pitchFamily="34" charset="-122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/>
          <p:cNvSpPr txBox="1"/>
          <p:nvPr/>
        </p:nvSpPr>
        <p:spPr>
          <a:xfrm>
            <a:off x="152400" y="1638300"/>
            <a:ext cx="4881434" cy="717489"/>
          </a:xfrm>
          <a:prstGeom prst="rect">
            <a:avLst/>
          </a:prstGeom>
          <a:noFill/>
        </p:spPr>
        <p:txBody>
          <a:bodyPr wrap="none" lIns="100950" tIns="50475" rIns="100950" bIns="50475" rtlCol="0">
            <a:spAutoFit/>
          </a:bodyPr>
          <a:lstStyle/>
          <a:p>
            <a:r>
              <a:rPr lang="en-US" altLang="zh-CN" sz="4000" cap="all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Sketch Block" pitchFamily="2" charset="0"/>
                <a:ea typeface="微软雅黑" pitchFamily="34" charset="-122"/>
              </a:rPr>
              <a:t>Video Pinning</a:t>
            </a:r>
          </a:p>
        </p:txBody>
      </p:sp>
      <p:sp>
        <p:nvSpPr>
          <p:cNvPr id="8" name="Rectangle 7"/>
          <p:cNvSpPr/>
          <p:nvPr/>
        </p:nvSpPr>
        <p:spPr>
          <a:xfrm>
            <a:off x="228600" y="2201566"/>
            <a:ext cx="5029200" cy="655934"/>
          </a:xfrm>
          <a:prstGeom prst="rect">
            <a:avLst/>
          </a:prstGeom>
        </p:spPr>
        <p:txBody>
          <a:bodyPr lIns="100950" tIns="50475" rIns="100950" bIns="50475">
            <a:spAutoFit/>
          </a:bodyPr>
          <a:lstStyle/>
          <a:p>
            <a:pPr marL="1753" indent="-1753">
              <a:spcBef>
                <a:spcPct val="20000"/>
              </a:spcBef>
            </a:pPr>
            <a:r>
              <a:rPr lang="en-US" dirty="0" smtClean="0">
                <a:solidFill>
                  <a:schemeClr val="bg1">
                    <a:lumMod val="50000"/>
                  </a:schemeClr>
                </a:solidFill>
              </a:rPr>
              <a:t>Pin your videos on any screen and surf, text or check mails on your phone at the same time</a:t>
            </a:r>
            <a:endParaRPr lang="en-IN" dirty="0" smtClean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228600" y="4152900"/>
            <a:ext cx="4191000" cy="685800"/>
          </a:xfrm>
          <a:prstGeom prst="rect">
            <a:avLst/>
          </a:prstGeom>
        </p:spPr>
        <p:txBody>
          <a:bodyPr vert="horz" lIns="100950" tIns="50475" rIns="100950" bIns="50475" rtlCol="0">
            <a:normAutofit/>
          </a:bodyPr>
          <a:lstStyle/>
          <a:p>
            <a:pPr marL="1753" indent="-1753">
              <a:spcBef>
                <a:spcPct val="20000"/>
              </a:spcBef>
            </a:pPr>
            <a:r>
              <a:rPr lang="en-US" dirty="0" smtClean="0">
                <a:solidFill>
                  <a:schemeClr val="bg1">
                    <a:lumMod val="50000"/>
                  </a:schemeClr>
                </a:solidFill>
              </a:rPr>
              <a:t>Video  automatically pauses as  you look away from the screen</a:t>
            </a:r>
            <a:endParaRPr lang="en-IN" dirty="0" smtClean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52400" y="3619500"/>
            <a:ext cx="4185796" cy="717489"/>
          </a:xfrm>
          <a:prstGeom prst="rect">
            <a:avLst/>
          </a:prstGeom>
          <a:noFill/>
        </p:spPr>
        <p:txBody>
          <a:bodyPr wrap="none" lIns="100950" tIns="50475" rIns="100950" bIns="50475" rtlCol="0">
            <a:spAutoFit/>
          </a:bodyPr>
          <a:lstStyle/>
          <a:p>
            <a:r>
              <a:rPr lang="en-US" altLang="zh-CN" sz="4000" cap="all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Sketch Block" pitchFamily="2" charset="0"/>
                <a:ea typeface="微软雅黑" pitchFamily="34" charset="-122"/>
              </a:rPr>
              <a:t>SMART PAUSE</a:t>
            </a:r>
          </a:p>
        </p:txBody>
      </p:sp>
      <p:pic>
        <p:nvPicPr>
          <p:cNvPr id="8193" name="Picture 1" descr="E:\SHIT\Serious SHIT\Models\A240-Pendin\Video2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4147248" y="-419100"/>
            <a:ext cx="5911152" cy="6934200"/>
          </a:xfrm>
          <a:prstGeom prst="rect">
            <a:avLst/>
          </a:prstGeom>
          <a:noFill/>
        </p:spPr>
      </p:pic>
    </p:spTree>
  </p:cSld>
  <p:clrMapOvr>
    <a:masterClrMapping/>
  </p:clrMapOvr>
  <p:transition>
    <p:fade thruBlk="1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2400"/>
                            </p:stCondLst>
                            <p:childTnLst>
                              <p:par>
                                <p:cTn id="12" presetID="10" presetClass="entr" presetSubtype="0" fill="hold" grpId="0" nodeType="after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grpId="0" nodeType="withEffect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2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8" grpId="0"/>
      <p:bldP spid="7" grpId="0"/>
      <p:bldP spid="9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Content Placeholder 2"/>
          <p:cNvSpPr>
            <a:spLocks noGrp="1"/>
          </p:cNvSpPr>
          <p:nvPr>
            <p:ph idx="1"/>
          </p:nvPr>
        </p:nvSpPr>
        <p:spPr>
          <a:xfrm>
            <a:off x="5160538" y="4762500"/>
            <a:ext cx="4593062" cy="521951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22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</a:rPr>
              <a:t>New refreshing Music Interfaces</a:t>
            </a:r>
            <a:endParaRPr lang="en-IN" sz="2200" dirty="0">
              <a:solidFill>
                <a:schemeClr val="bg1">
                  <a:lumMod val="50000"/>
                </a:schemeClr>
              </a:solidFill>
              <a:latin typeface="Century Gothic" pitchFamily="34" charset="0"/>
            </a:endParaRPr>
          </a:p>
        </p:txBody>
      </p:sp>
      <p:sp>
        <p:nvSpPr>
          <p:cNvPr id="9" name="Title 1"/>
          <p:cNvSpPr txBox="1">
            <a:spLocks/>
          </p:cNvSpPr>
          <p:nvPr/>
        </p:nvSpPr>
        <p:spPr>
          <a:xfrm>
            <a:off x="5029200" y="4152900"/>
            <a:ext cx="5029200" cy="803875"/>
          </a:xfrm>
          <a:prstGeom prst="rect">
            <a:avLst/>
          </a:prstGeom>
        </p:spPr>
        <p:txBody>
          <a:bodyPr vert="horz" lIns="100950" tIns="50475" rIns="100950" bIns="50475" rtlCol="0" anchor="ctr">
            <a:noAutofit/>
          </a:bodyPr>
          <a:lstStyle/>
          <a:p>
            <a:pPr algn="r" defTabSz="1009498">
              <a:spcBef>
                <a:spcPct val="0"/>
              </a:spcBef>
              <a:defRPr/>
            </a:pPr>
            <a:r>
              <a:rPr lang="en-US" altLang="zh-CN" sz="4400" cap="all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Sketch Block" pitchFamily="2" charset="0"/>
                <a:ea typeface="微软雅黑" pitchFamily="34" charset="-122"/>
              </a:rPr>
              <a:t>Music Player</a:t>
            </a:r>
            <a:endParaRPr lang="en-IN" altLang="zh-CN" sz="4400" cap="all" dirty="0" smtClean="0">
              <a:solidFill>
                <a:schemeClr val="tx1">
                  <a:lumMod val="75000"/>
                  <a:lumOff val="25000"/>
                </a:schemeClr>
              </a:solidFill>
              <a:latin typeface="Sketch Block" pitchFamily="2" charset="0"/>
              <a:ea typeface="微软雅黑" pitchFamily="34" charset="-122"/>
            </a:endParaRPr>
          </a:p>
        </p:txBody>
      </p:sp>
      <p:pic>
        <p:nvPicPr>
          <p:cNvPr id="4098" name="Picture 2" descr="E:\SHIT\Serious SHIT\Models\A240-Pendin\music-player1111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533400" y="342900"/>
            <a:ext cx="4419600" cy="5227814"/>
          </a:xfrm>
          <a:prstGeom prst="rect">
            <a:avLst/>
          </a:prstGeom>
          <a:noFill/>
        </p:spPr>
      </p:pic>
    </p:spTree>
  </p:cSld>
  <p:clrMapOvr>
    <a:masterClrMapping/>
  </p:clrMapOvr>
  <p:transition>
    <p:fade thruBlk="1"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 txBox="1">
            <a:spLocks/>
          </p:cNvSpPr>
          <p:nvPr/>
        </p:nvSpPr>
        <p:spPr>
          <a:xfrm>
            <a:off x="4800600" y="4057634"/>
            <a:ext cx="5148572" cy="1200133"/>
          </a:xfrm>
          <a:prstGeom prst="rect">
            <a:avLst/>
          </a:prstGeom>
        </p:spPr>
        <p:txBody>
          <a:bodyPr vert="horz" lIns="100950" tIns="50475" rIns="100950" bIns="50475" rtlCol="0">
            <a:noAutofit/>
          </a:bodyPr>
          <a:lstStyle/>
          <a:p>
            <a:pPr algn="ctr"/>
            <a:r>
              <a:rPr lang="en-US" sz="20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</a:rPr>
              <a:t>Browser Pinning, browse through the net while working on phone , the browser size can be adjusted</a:t>
            </a:r>
            <a:endParaRPr lang="en-IN" sz="2000" dirty="0" smtClean="0">
              <a:solidFill>
                <a:schemeClr val="bg1">
                  <a:lumMod val="50000"/>
                </a:schemeClr>
              </a:solidFill>
              <a:latin typeface="Century Gothic" pitchFamily="34" charset="0"/>
            </a:endParaRPr>
          </a:p>
          <a:p>
            <a:pPr algn="ctr">
              <a:buNone/>
            </a:pPr>
            <a:endParaRPr lang="en-IN" sz="2000" dirty="0">
              <a:solidFill>
                <a:schemeClr val="bg1">
                  <a:lumMod val="50000"/>
                </a:schemeClr>
              </a:solidFill>
              <a:latin typeface="Century Gothic" pitchFamily="34" charset="0"/>
            </a:endParaRPr>
          </a:p>
        </p:txBody>
      </p:sp>
      <p:sp>
        <p:nvSpPr>
          <p:cNvPr id="8" name="Title 1"/>
          <p:cNvSpPr txBox="1">
            <a:spLocks/>
          </p:cNvSpPr>
          <p:nvPr/>
        </p:nvSpPr>
        <p:spPr>
          <a:xfrm>
            <a:off x="4038600" y="3390900"/>
            <a:ext cx="5940660" cy="685800"/>
          </a:xfrm>
          <a:prstGeom prst="rect">
            <a:avLst/>
          </a:prstGeom>
        </p:spPr>
        <p:txBody>
          <a:bodyPr vert="horz" lIns="100950" tIns="50475" rIns="100950" bIns="50475" rtlCol="0" anchor="ctr">
            <a:noAutofit/>
          </a:bodyPr>
          <a:lstStyle/>
          <a:p>
            <a:pPr lvl="0" algn="r">
              <a:spcBef>
                <a:spcPct val="0"/>
              </a:spcBef>
            </a:pPr>
            <a:r>
              <a:rPr lang="en-US" altLang="zh-CN" sz="4000" cap="all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Sketch Block" pitchFamily="2" charset="0"/>
                <a:ea typeface="微软雅黑" pitchFamily="34" charset="-122"/>
              </a:rPr>
              <a:t>Pop Up Browser</a:t>
            </a:r>
            <a:endParaRPr lang="en-IN" altLang="zh-CN" sz="4000" cap="all" dirty="0" smtClean="0">
              <a:solidFill>
                <a:schemeClr val="tx1">
                  <a:lumMod val="75000"/>
                  <a:lumOff val="25000"/>
                </a:schemeClr>
              </a:solidFill>
              <a:latin typeface="Sketch Block" pitchFamily="2" charset="0"/>
              <a:ea typeface="微软雅黑" pitchFamily="34" charset="-122"/>
            </a:endParaRPr>
          </a:p>
        </p:txBody>
      </p:sp>
      <p:pic>
        <p:nvPicPr>
          <p:cNvPr id="5123" name="Picture 3" descr="E:\SHIT\Serious SHIT\Models\A240-Pendin\popup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-304800" y="0"/>
            <a:ext cx="5277026" cy="9382124"/>
          </a:xfrm>
          <a:prstGeom prst="rect">
            <a:avLst/>
          </a:prstGeom>
          <a:noFill/>
        </p:spPr>
      </p:pic>
    </p:spTree>
  </p:cSld>
  <p:clrMapOvr>
    <a:masterClrMapping/>
  </p:clrMapOvr>
  <p:transition>
    <p:fade thruBlk="1"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506" name="Picture 2" descr="E:\SHIT\Serious SHIT\Models\A210-Canvas 4\apps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0" y="-1"/>
            <a:ext cx="10058400" cy="5028966"/>
          </a:xfrm>
          <a:prstGeom prst="rect">
            <a:avLst/>
          </a:prstGeom>
          <a:noFill/>
        </p:spPr>
      </p:pic>
      <p:sp>
        <p:nvSpPr>
          <p:cNvPr id="5" name="Title 1"/>
          <p:cNvSpPr txBox="1">
            <a:spLocks/>
          </p:cNvSpPr>
          <p:nvPr/>
        </p:nvSpPr>
        <p:spPr>
          <a:xfrm>
            <a:off x="6934200" y="4617695"/>
            <a:ext cx="3124200" cy="880098"/>
          </a:xfrm>
          <a:prstGeom prst="rect">
            <a:avLst/>
          </a:prstGeom>
        </p:spPr>
        <p:txBody>
          <a:bodyPr vert="horz" lIns="100950" tIns="50475" rIns="100950" bIns="50475" rtlCol="0" anchor="ctr">
            <a:noAutofit/>
          </a:bodyPr>
          <a:lstStyle/>
          <a:p>
            <a:pPr algn="r" defTabSz="1009498">
              <a:spcBef>
                <a:spcPct val="0"/>
              </a:spcBef>
              <a:defRPr/>
            </a:pPr>
            <a:r>
              <a:rPr lang="en-US" sz="2600" dirty="0" smtClean="0">
                <a:solidFill>
                  <a:schemeClr val="bg1">
                    <a:lumMod val="85000"/>
                  </a:schemeClr>
                </a:solidFill>
                <a:latin typeface="Century Gothic" pitchFamily="34" charset="0"/>
                <a:ea typeface="+mj-ea"/>
                <a:cs typeface="+mj-cs"/>
              </a:rPr>
              <a:t>PRELOADED APPS</a:t>
            </a:r>
            <a:endParaRPr lang="en-IN" sz="2600" dirty="0">
              <a:solidFill>
                <a:schemeClr val="bg1">
                  <a:lumMod val="85000"/>
                </a:schemeClr>
              </a:solidFill>
              <a:latin typeface="Century Gothic" pitchFamily="34" charset="0"/>
              <a:ea typeface="+mj-ea"/>
              <a:cs typeface="+mj-cs"/>
            </a:endParaRPr>
          </a:p>
        </p:txBody>
      </p:sp>
    </p:spTree>
  </p:cSld>
  <p:clrMapOvr>
    <a:masterClrMapping/>
  </p:clrMapOvr>
  <p:transition>
    <p:fade thruBlk="1"/>
  </p:transition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6000">
              <a:schemeClr val="bg1">
                <a:lumMod val="95000"/>
              </a:schemeClr>
            </a:gs>
            <a:gs pos="43000">
              <a:schemeClr val="bg1">
                <a:lumMod val="75000"/>
                <a:alpha val="23000"/>
              </a:schemeClr>
            </a:gs>
            <a:gs pos="100000">
              <a:schemeClr val="tx1">
                <a:lumMod val="50000"/>
                <a:lumOff val="50000"/>
                <a:alpha val="72000"/>
              </a:schemeClr>
            </a:gs>
          </a:gsLst>
          <a:path path="circle">
            <a:fillToRect l="50000" t="50000" r="50000" b="50000"/>
          </a:path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31" name="Picture 7" descr="E:\SHIT\Serious SHIT\Models\A240-Pendin\front-whitre-mi-doodle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 rot="20922084">
            <a:off x="926984" y="327433"/>
            <a:ext cx="3361615" cy="6678499"/>
          </a:xfrm>
          <a:prstGeom prst="rect">
            <a:avLst/>
          </a:prstGeom>
          <a:noFill/>
        </p:spPr>
      </p:pic>
      <p:sp>
        <p:nvSpPr>
          <p:cNvPr id="12" name="TextBox 11"/>
          <p:cNvSpPr txBox="1"/>
          <p:nvPr/>
        </p:nvSpPr>
        <p:spPr>
          <a:xfrm>
            <a:off x="6705600" y="1866900"/>
            <a:ext cx="2595326" cy="76944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4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Sketch Block" pitchFamily="2" charset="0"/>
              </a:rPr>
              <a:t>Scribble</a:t>
            </a:r>
            <a:endParaRPr lang="en-US" sz="4400" dirty="0">
              <a:solidFill>
                <a:schemeClr val="tx1">
                  <a:lumMod val="95000"/>
                  <a:lumOff val="5000"/>
                </a:schemeClr>
              </a:solidFill>
              <a:latin typeface="Sketch Block" pitchFamily="2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6858000" y="2631301"/>
            <a:ext cx="2131930" cy="76944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4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Sketch Block" pitchFamily="2" charset="0"/>
              </a:rPr>
              <a:t>Sketch</a:t>
            </a:r>
            <a:endParaRPr lang="en-US" sz="4400" dirty="0">
              <a:solidFill>
                <a:schemeClr val="tx1">
                  <a:lumMod val="95000"/>
                  <a:lumOff val="5000"/>
                </a:schemeClr>
              </a:solidFill>
              <a:latin typeface="Sketch Block" pitchFamily="2" charset="0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7039284" y="3395702"/>
            <a:ext cx="1799916" cy="76944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4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Sketch Block" pitchFamily="2" charset="0"/>
              </a:rPr>
              <a:t>Draw</a:t>
            </a:r>
            <a:endParaRPr lang="en-US" sz="4400" dirty="0">
              <a:solidFill>
                <a:schemeClr val="tx1">
                  <a:lumMod val="95000"/>
                  <a:lumOff val="5000"/>
                </a:schemeClr>
              </a:solidFill>
              <a:latin typeface="Sketch Block" pitchFamily="2" charset="0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213264" y="4160103"/>
            <a:ext cx="2464136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8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Sketch Block" pitchFamily="2" charset="0"/>
              </a:rPr>
              <a:t>Doodle</a:t>
            </a:r>
            <a:endParaRPr lang="en-US" sz="4800" dirty="0">
              <a:solidFill>
                <a:schemeClr val="tx1">
                  <a:lumMod val="95000"/>
                  <a:lumOff val="5000"/>
                </a:schemeClr>
              </a:solidFill>
              <a:latin typeface="Sketch Block" pitchFamily="2" charset="0"/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767702" y="190500"/>
            <a:ext cx="3077384" cy="688299"/>
          </a:xfrm>
          <a:prstGeom prst="rect">
            <a:avLst/>
          </a:prstGeom>
          <a:noFill/>
        </p:spPr>
        <p:txBody>
          <a:bodyPr wrap="none" lIns="72042" tIns="36021" rIns="72042" bIns="36021" rtlCol="0">
            <a:spAutoFit/>
          </a:bodyPr>
          <a:lstStyle/>
          <a:p>
            <a:pPr algn="ctr"/>
            <a:r>
              <a:rPr lang="en-US" altLang="zh-CN" sz="4000" b="1" u="sng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  <a:ea typeface="微软雅黑" pitchFamily="34" charset="-122"/>
              </a:rPr>
              <a:t>M! DOODLE</a:t>
            </a:r>
            <a:endParaRPr lang="zh-CN" altLang="en-US" sz="2800" b="1" u="sng" dirty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微软雅黑" pitchFamily="34" charset="-122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7620000" y="828911"/>
            <a:ext cx="214033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itchFamily="34" charset="0"/>
              </a:rPr>
              <a:t>Pre-Loaded Apps</a:t>
            </a:r>
            <a:endParaRPr lang="en-IN" dirty="0" smtClean="0">
              <a:solidFill>
                <a:schemeClr val="tx1">
                  <a:lumMod val="75000"/>
                  <a:lumOff val="25000"/>
                </a:schemeClr>
              </a:solidFill>
              <a:latin typeface="Century Gothic" pitchFamily="34" charset="0"/>
            </a:endParaRPr>
          </a:p>
        </p:txBody>
      </p:sp>
      <p:pic>
        <p:nvPicPr>
          <p:cNvPr id="1054" name="Picture 30" descr="E:\SHIT\Serious SHIT\Models\A240-Pendin\images\hulk3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 rot="20863851">
            <a:off x="1238715" y="4115335"/>
            <a:ext cx="480258" cy="1085260"/>
          </a:xfrm>
          <a:prstGeom prst="rect">
            <a:avLst/>
          </a:prstGeom>
          <a:noFill/>
        </p:spPr>
      </p:pic>
      <p:pic>
        <p:nvPicPr>
          <p:cNvPr id="1055" name="Picture 31" descr="E:\SHIT\Serious SHIT\Models\A240-Pendin\images\hulk2.pn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 rot="21241808">
            <a:off x="1325213" y="3636345"/>
            <a:ext cx="376233" cy="1003287"/>
          </a:xfrm>
          <a:prstGeom prst="rect">
            <a:avLst/>
          </a:prstGeom>
          <a:noFill/>
        </p:spPr>
      </p:pic>
      <p:pic>
        <p:nvPicPr>
          <p:cNvPr id="1056" name="Picture 32" descr="E:\SHIT\Serious SHIT\Models\A240-Pendin\images\hulk1.png"/>
          <p:cNvPicPr>
            <a:picLocks noChangeAspect="1" noChangeArrowheads="1"/>
          </p:cNvPicPr>
          <p:nvPr/>
        </p:nvPicPr>
        <p:blipFill>
          <a:blip r:embed="rId5" cstate="email"/>
          <a:srcRect/>
          <a:stretch>
            <a:fillRect/>
          </a:stretch>
        </p:blipFill>
        <p:spPr bwMode="auto">
          <a:xfrm rot="21127062">
            <a:off x="1032228" y="2662439"/>
            <a:ext cx="1331819" cy="1176095"/>
          </a:xfrm>
          <a:prstGeom prst="rect">
            <a:avLst/>
          </a:prstGeom>
          <a:noFill/>
        </p:spPr>
      </p:pic>
      <p:pic>
        <p:nvPicPr>
          <p:cNvPr id="1058" name="Picture 34" descr="E:\SHIT\Serious SHIT\Models\A240-Pendin\images\hulk-right-1.png"/>
          <p:cNvPicPr>
            <a:picLocks noChangeAspect="1" noChangeArrowheads="1"/>
          </p:cNvPicPr>
          <p:nvPr/>
        </p:nvPicPr>
        <p:blipFill>
          <a:blip r:embed="rId6" cstate="email"/>
          <a:srcRect r="-3622"/>
          <a:stretch>
            <a:fillRect/>
          </a:stretch>
        </p:blipFill>
        <p:spPr bwMode="auto">
          <a:xfrm rot="21156959">
            <a:off x="2700353" y="2530312"/>
            <a:ext cx="1368962" cy="1216328"/>
          </a:xfrm>
          <a:prstGeom prst="rect">
            <a:avLst/>
          </a:prstGeom>
          <a:noFill/>
        </p:spPr>
      </p:pic>
      <p:pic>
        <p:nvPicPr>
          <p:cNvPr id="1059" name="Picture 35" descr="E:\SHIT\Serious SHIT\Models\A240-Pendin\images\hulk-right-2.png"/>
          <p:cNvPicPr>
            <a:picLocks noChangeAspect="1" noChangeArrowheads="1"/>
          </p:cNvPicPr>
          <p:nvPr/>
        </p:nvPicPr>
        <p:blipFill>
          <a:blip r:embed="rId7" cstate="email"/>
          <a:srcRect r="-6404"/>
          <a:stretch>
            <a:fillRect/>
          </a:stretch>
        </p:blipFill>
        <p:spPr bwMode="auto">
          <a:xfrm rot="21156959">
            <a:off x="3604850" y="3103980"/>
            <a:ext cx="543009" cy="1123072"/>
          </a:xfrm>
          <a:prstGeom prst="rect">
            <a:avLst/>
          </a:prstGeom>
          <a:noFill/>
        </p:spPr>
      </p:pic>
      <p:pic>
        <p:nvPicPr>
          <p:cNvPr id="1062" name="Picture 38"/>
          <p:cNvPicPr>
            <a:picLocks noChangeAspect="1" noChangeArrowheads="1"/>
          </p:cNvPicPr>
          <p:nvPr/>
        </p:nvPicPr>
        <p:blipFill>
          <a:blip r:embed="rId8" cstate="email">
            <a:lum bright="-73000" contrast="100000"/>
          </a:blip>
          <a:srcRect/>
          <a:stretch>
            <a:fillRect/>
          </a:stretch>
        </p:blipFill>
        <p:spPr bwMode="auto">
          <a:xfrm rot="21365162">
            <a:off x="1866150" y="3212467"/>
            <a:ext cx="1270882" cy="30062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63" name="Picture 39" descr="E:\SHIT\Serious SHIT\Models\A240-Pendin\images\hulk-abs.png"/>
          <p:cNvPicPr>
            <a:picLocks noChangeAspect="1" noChangeArrowheads="1"/>
          </p:cNvPicPr>
          <p:nvPr/>
        </p:nvPicPr>
        <p:blipFill>
          <a:blip r:embed="rId9" cstate="email"/>
          <a:srcRect/>
          <a:stretch>
            <a:fillRect/>
          </a:stretch>
        </p:blipFill>
        <p:spPr bwMode="auto">
          <a:xfrm rot="21040511">
            <a:off x="1930696" y="3728186"/>
            <a:ext cx="1617207" cy="449061"/>
          </a:xfrm>
          <a:prstGeom prst="rect">
            <a:avLst/>
          </a:prstGeom>
          <a:noFill/>
        </p:spPr>
      </p:pic>
      <p:pic>
        <p:nvPicPr>
          <p:cNvPr id="1064" name="Picture 40" descr="E:\SHIT\Serious SHIT\Models\A240-Pendin\images\hulk-stomach-right.png"/>
          <p:cNvPicPr>
            <a:picLocks noChangeAspect="1" noChangeArrowheads="1"/>
          </p:cNvPicPr>
          <p:nvPr/>
        </p:nvPicPr>
        <p:blipFill>
          <a:blip r:embed="rId10" cstate="email"/>
          <a:srcRect/>
          <a:stretch>
            <a:fillRect/>
          </a:stretch>
        </p:blipFill>
        <p:spPr bwMode="auto">
          <a:xfrm rot="20999413">
            <a:off x="3002380" y="3490351"/>
            <a:ext cx="348712" cy="926971"/>
          </a:xfrm>
          <a:prstGeom prst="rect">
            <a:avLst/>
          </a:prstGeom>
          <a:noFill/>
        </p:spPr>
      </p:pic>
      <p:pic>
        <p:nvPicPr>
          <p:cNvPr id="1065" name="Picture 41" descr="E:\SHIT\Serious SHIT\Models\A240-Pendin\images\hulk-stomach-left.png"/>
          <p:cNvPicPr>
            <a:picLocks noChangeAspect="1" noChangeArrowheads="1"/>
          </p:cNvPicPr>
          <p:nvPr/>
        </p:nvPicPr>
        <p:blipFill>
          <a:blip r:embed="rId11" cstate="email"/>
          <a:srcRect/>
          <a:stretch>
            <a:fillRect/>
          </a:stretch>
        </p:blipFill>
        <p:spPr bwMode="auto">
          <a:xfrm rot="21200455">
            <a:off x="1977237" y="3740214"/>
            <a:ext cx="311580" cy="1263992"/>
          </a:xfrm>
          <a:prstGeom prst="rect">
            <a:avLst/>
          </a:prstGeom>
          <a:noFill/>
        </p:spPr>
      </p:pic>
      <p:pic>
        <p:nvPicPr>
          <p:cNvPr id="1066" name="Picture 42" descr="E:\SHIT\Serious SHIT\Models\A240-Pendin\images\hulk-low-left-cuts.png"/>
          <p:cNvPicPr>
            <a:picLocks noChangeAspect="1" noChangeArrowheads="1"/>
          </p:cNvPicPr>
          <p:nvPr/>
        </p:nvPicPr>
        <p:blipFill>
          <a:blip r:embed="rId12" cstate="email"/>
          <a:srcRect/>
          <a:stretch>
            <a:fillRect/>
          </a:stretch>
        </p:blipFill>
        <p:spPr bwMode="auto">
          <a:xfrm rot="21027772">
            <a:off x="1831549" y="4179352"/>
            <a:ext cx="401590" cy="986483"/>
          </a:xfrm>
          <a:prstGeom prst="rect">
            <a:avLst/>
          </a:prstGeom>
          <a:noFill/>
        </p:spPr>
      </p:pic>
      <p:pic>
        <p:nvPicPr>
          <p:cNvPr id="1067" name="Picture 43" descr="E:\SHIT\Serious SHIT\Models\A240-Pendin\images\hulk-low-right-cut.png"/>
          <p:cNvPicPr>
            <a:picLocks noChangeAspect="1" noChangeArrowheads="1"/>
          </p:cNvPicPr>
          <p:nvPr/>
        </p:nvPicPr>
        <p:blipFill>
          <a:blip r:embed="rId13" cstate="email"/>
          <a:srcRect/>
          <a:stretch>
            <a:fillRect/>
          </a:stretch>
        </p:blipFill>
        <p:spPr bwMode="auto">
          <a:xfrm rot="21025793">
            <a:off x="3348572" y="4278397"/>
            <a:ext cx="262553" cy="729700"/>
          </a:xfrm>
          <a:prstGeom prst="rect">
            <a:avLst/>
          </a:prstGeom>
          <a:noFill/>
        </p:spPr>
      </p:pic>
      <p:pic>
        <p:nvPicPr>
          <p:cNvPr id="1068" name="Picture 44" descr="E:\SHIT\Serious SHIT\Models\A240-Pendin\images\hulk-abdomen.png"/>
          <p:cNvPicPr>
            <a:picLocks noChangeAspect="1" noChangeArrowheads="1"/>
          </p:cNvPicPr>
          <p:nvPr/>
        </p:nvPicPr>
        <p:blipFill>
          <a:blip r:embed="rId14" cstate="email"/>
          <a:srcRect/>
          <a:stretch>
            <a:fillRect/>
          </a:stretch>
        </p:blipFill>
        <p:spPr bwMode="auto">
          <a:xfrm rot="21171517">
            <a:off x="2158947" y="4514338"/>
            <a:ext cx="1398676" cy="482423"/>
          </a:xfrm>
          <a:prstGeom prst="rect">
            <a:avLst/>
          </a:prstGeom>
          <a:noFill/>
        </p:spPr>
      </p:pic>
      <p:pic>
        <p:nvPicPr>
          <p:cNvPr id="1073" name="Picture 49" descr="E:\SHIT\Serious SHIT\Models\A240-Pendin\images\Hulk-head-outline-top.png"/>
          <p:cNvPicPr>
            <a:picLocks noChangeAspect="1" noChangeArrowheads="1"/>
          </p:cNvPicPr>
          <p:nvPr/>
        </p:nvPicPr>
        <p:blipFill>
          <a:blip r:embed="rId15" cstate="email"/>
          <a:srcRect/>
          <a:stretch>
            <a:fillRect/>
          </a:stretch>
        </p:blipFill>
        <p:spPr bwMode="auto">
          <a:xfrm rot="21095081">
            <a:off x="2189806" y="2489137"/>
            <a:ext cx="568120" cy="382501"/>
          </a:xfrm>
          <a:prstGeom prst="rect">
            <a:avLst/>
          </a:prstGeom>
          <a:noFill/>
        </p:spPr>
      </p:pic>
      <p:pic>
        <p:nvPicPr>
          <p:cNvPr id="1074" name="Picture 50" descr="E:\SHIT\Serious SHIT\Models\A240-Pendin\images\Hulk-head-outline-bottom.png"/>
          <p:cNvPicPr>
            <a:picLocks noChangeAspect="1" noChangeArrowheads="1"/>
          </p:cNvPicPr>
          <p:nvPr/>
        </p:nvPicPr>
        <p:blipFill>
          <a:blip r:embed="rId16" cstate="email"/>
          <a:srcRect/>
          <a:stretch>
            <a:fillRect/>
          </a:stretch>
        </p:blipFill>
        <p:spPr bwMode="auto">
          <a:xfrm rot="21317076">
            <a:off x="2275276" y="2884739"/>
            <a:ext cx="578938" cy="498337"/>
          </a:xfrm>
          <a:prstGeom prst="rect">
            <a:avLst/>
          </a:prstGeom>
          <a:noFill/>
        </p:spPr>
      </p:pic>
      <p:pic>
        <p:nvPicPr>
          <p:cNvPr id="1075" name="Picture 51" descr="E:\SHIT\Serious SHIT\Models\A240-Pendin\images\Hulk-head-outline-eyes.png"/>
          <p:cNvPicPr>
            <a:picLocks noChangeAspect="1" noChangeArrowheads="1"/>
          </p:cNvPicPr>
          <p:nvPr/>
        </p:nvPicPr>
        <p:blipFill>
          <a:blip r:embed="rId17" cstate="email"/>
          <a:srcRect/>
          <a:stretch>
            <a:fillRect/>
          </a:stretch>
        </p:blipFill>
        <p:spPr bwMode="auto">
          <a:xfrm rot="20979768">
            <a:off x="2323429" y="2913865"/>
            <a:ext cx="432000" cy="396000"/>
          </a:xfrm>
          <a:prstGeom prst="rect">
            <a:avLst/>
          </a:prstGeom>
          <a:noFill/>
        </p:spPr>
      </p:pic>
      <p:pic>
        <p:nvPicPr>
          <p:cNvPr id="1026" name="Picture 2" descr="E:\SHIT\Serious SHIT\Models\A240-Pendin\images\hulk-head-shade.png"/>
          <p:cNvPicPr>
            <a:picLocks noChangeAspect="1" noChangeArrowheads="1"/>
          </p:cNvPicPr>
          <p:nvPr/>
        </p:nvPicPr>
        <p:blipFill>
          <a:blip r:embed="rId18" cstate="email"/>
          <a:srcRect/>
          <a:stretch>
            <a:fillRect/>
          </a:stretch>
        </p:blipFill>
        <p:spPr bwMode="auto">
          <a:xfrm rot="21056022">
            <a:off x="2039247" y="2555574"/>
            <a:ext cx="1034760" cy="818781"/>
          </a:xfrm>
          <a:prstGeom prst="rect">
            <a:avLst/>
          </a:prstGeom>
          <a:noFill/>
        </p:spPr>
      </p:pic>
      <p:pic>
        <p:nvPicPr>
          <p:cNvPr id="1027" name="Picture 3" descr="E:\SHIT\Serious SHIT\Models\A240-Pendin\images\hulk-left-shade.png"/>
          <p:cNvPicPr>
            <a:picLocks noChangeAspect="1" noChangeArrowheads="1"/>
          </p:cNvPicPr>
          <p:nvPr/>
        </p:nvPicPr>
        <p:blipFill>
          <a:blip r:embed="rId19" cstate="email"/>
          <a:srcRect/>
          <a:stretch>
            <a:fillRect/>
          </a:stretch>
        </p:blipFill>
        <p:spPr bwMode="auto">
          <a:xfrm rot="21016025">
            <a:off x="1258767" y="3073513"/>
            <a:ext cx="931994" cy="2107540"/>
          </a:xfrm>
          <a:prstGeom prst="rect">
            <a:avLst/>
          </a:prstGeom>
          <a:noFill/>
        </p:spPr>
      </p:pic>
      <p:pic>
        <p:nvPicPr>
          <p:cNvPr id="1028" name="Picture 4" descr="E:\SHIT\Serious SHIT\Models\A240-Pendin\images\hulk-shade-right.png"/>
          <p:cNvPicPr>
            <a:picLocks noChangeAspect="1" noChangeArrowheads="1"/>
          </p:cNvPicPr>
          <p:nvPr/>
        </p:nvPicPr>
        <p:blipFill>
          <a:blip r:embed="rId20" cstate="email"/>
          <a:srcRect/>
          <a:stretch>
            <a:fillRect/>
          </a:stretch>
        </p:blipFill>
        <p:spPr bwMode="auto">
          <a:xfrm rot="21020561">
            <a:off x="2861763" y="2607730"/>
            <a:ext cx="1112560" cy="1916076"/>
          </a:xfrm>
          <a:prstGeom prst="rect">
            <a:avLst/>
          </a:prstGeom>
          <a:noFill/>
        </p:spPr>
      </p:pic>
      <p:pic>
        <p:nvPicPr>
          <p:cNvPr id="1029" name="Picture 5" descr="E:\SHIT\Serious SHIT\Models\A240-Pendin\images\hulk-shade-chest-abs.png"/>
          <p:cNvPicPr>
            <a:picLocks noChangeAspect="1" noChangeArrowheads="1"/>
          </p:cNvPicPr>
          <p:nvPr/>
        </p:nvPicPr>
        <p:blipFill>
          <a:blip r:embed="rId21" cstate="email"/>
          <a:srcRect/>
          <a:stretch>
            <a:fillRect/>
          </a:stretch>
        </p:blipFill>
        <p:spPr bwMode="auto">
          <a:xfrm rot="20994597">
            <a:off x="2132105" y="3467084"/>
            <a:ext cx="1173068" cy="1517140"/>
          </a:xfrm>
          <a:prstGeom prst="rect">
            <a:avLst/>
          </a:prstGeom>
          <a:noFill/>
        </p:spPr>
      </p:pic>
      <p:pic>
        <p:nvPicPr>
          <p:cNvPr id="1072" name="Picture 48"/>
          <p:cNvPicPr>
            <a:picLocks noChangeAspect="1" noChangeArrowheads="1"/>
          </p:cNvPicPr>
          <p:nvPr/>
        </p:nvPicPr>
        <p:blipFill>
          <a:blip r:embed="rId22" cstate="email"/>
          <a:srcRect/>
          <a:stretch>
            <a:fillRect/>
          </a:stretch>
        </p:blipFill>
        <p:spPr bwMode="auto">
          <a:xfrm>
            <a:off x="2422137" y="4045921"/>
            <a:ext cx="733919" cy="3424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69" name="Picture 45" descr="E:\SHIT\Serious SHIT\Models\A240-Pendin\images\hulk-lowabs-2.png"/>
          <p:cNvPicPr>
            <a:picLocks noChangeAspect="1" noChangeArrowheads="1"/>
          </p:cNvPicPr>
          <p:nvPr/>
        </p:nvPicPr>
        <p:blipFill>
          <a:blip r:embed="rId23" cstate="email"/>
          <a:srcRect/>
          <a:stretch>
            <a:fillRect/>
          </a:stretch>
        </p:blipFill>
        <p:spPr bwMode="auto">
          <a:xfrm rot="20782697">
            <a:off x="2342578" y="4326673"/>
            <a:ext cx="899394" cy="164977"/>
          </a:xfrm>
          <a:prstGeom prst="rect">
            <a:avLst/>
          </a:prstGeom>
          <a:noFill/>
        </p:spPr>
      </p:pic>
      <p:pic>
        <p:nvPicPr>
          <p:cNvPr id="2051" name="Picture 3" descr="E:\SHIT\Serious SHIT\Models\A240-Pendin\images\hulk-shade-lower-left.png"/>
          <p:cNvPicPr>
            <a:picLocks noChangeAspect="1" noChangeArrowheads="1"/>
          </p:cNvPicPr>
          <p:nvPr/>
        </p:nvPicPr>
        <p:blipFill>
          <a:blip r:embed="rId24" cstate="email"/>
          <a:srcRect/>
          <a:stretch>
            <a:fillRect/>
          </a:stretch>
        </p:blipFill>
        <p:spPr bwMode="auto">
          <a:xfrm rot="21031639">
            <a:off x="1984649" y="3591911"/>
            <a:ext cx="645106" cy="1432067"/>
          </a:xfrm>
          <a:prstGeom prst="rect">
            <a:avLst/>
          </a:prstGeom>
          <a:noFill/>
        </p:spPr>
      </p:pic>
      <p:pic>
        <p:nvPicPr>
          <p:cNvPr id="36" name="Picture 4" descr="E:\SHIT\Serious SHIT\Models\A240-Pendin\images\hulk-shade-lower-right.png"/>
          <p:cNvPicPr>
            <a:picLocks noChangeAspect="1" noChangeArrowheads="1"/>
          </p:cNvPicPr>
          <p:nvPr/>
        </p:nvPicPr>
        <p:blipFill>
          <a:blip r:embed="rId25" cstate="email"/>
          <a:srcRect/>
          <a:stretch>
            <a:fillRect/>
          </a:stretch>
        </p:blipFill>
        <p:spPr bwMode="auto">
          <a:xfrm rot="20700000">
            <a:off x="2982657" y="3239349"/>
            <a:ext cx="547169" cy="1648220"/>
          </a:xfrm>
          <a:prstGeom prst="rect">
            <a:avLst/>
          </a:prstGeom>
          <a:noFill/>
        </p:spPr>
      </p:pic>
      <p:pic>
        <p:nvPicPr>
          <p:cNvPr id="1033" name="Picture 9" descr="E:\SHIT\Serious SHIT\Models\A240-Pendin\stylus.png"/>
          <p:cNvPicPr>
            <a:picLocks noChangeAspect="1" noChangeArrowheads="1"/>
          </p:cNvPicPr>
          <p:nvPr/>
        </p:nvPicPr>
        <p:blipFill>
          <a:blip r:embed="rId26" cstate="email"/>
          <a:srcRect/>
          <a:stretch>
            <a:fillRect/>
          </a:stretch>
        </p:blipFill>
        <p:spPr bwMode="auto">
          <a:xfrm>
            <a:off x="1524000" y="2409075"/>
            <a:ext cx="3303458" cy="2963025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43434E-6 -0.00582 C -0.00853 -0.01081 -0.00569 -0.01386 -0.00932 -0.02524 C -0.01105 -0.03106 -0.01563 -0.0416 -0.01563 -0.04133 C -0.01421 -0.05991 -0.01263 -0.07489 -0.02194 -0.08571 C -0.02589 -0.09625 -0.02652 -0.10957 -0.02036 -0.11872 C -0.01752 -0.12316 -0.01089 -0.12982 -0.01089 -0.12954 C -0.00616 -0.15478 -0.00221 -0.18834 -0.01563 -0.20416 C -0.02163 -0.21997 -0.02147 -0.24771 -0.01089 -0.25381 C -0.00789 -0.26962 -0.00726 -0.27988 -0.01563 -0.28959 C -0.01673 -0.29237 -0.02084 -0.30152 -0.02036 -0.30624 C -0.01989 -0.31178 -0.01405 -0.31927 -0.01247 -0.3226 C -0.00821 -0.33148 -0.00553 -0.33814 3.43434E-6 -0.34479 C 0.00868 -0.36782 0.02051 -0.37115 0.03456 -0.3778 C 0.0393 -0.38002 0.04387 -0.38335 0.04861 -0.38613 C 0.05019 -0.38696 0.05334 -0.3889 0.05334 -0.38862 C 0.05634 -0.39417 0.05934 -0.39833 0.06108 -0.40527 C 0.06234 -0.41054 0.06423 -0.42191 0.06423 -0.42163 C 0.0636 -0.42579 0.06108 -0.44355 0.06108 -0.4466 C 0.06108 -0.48155 0.0767 -0.48515 0.09248 -0.4907 C 0.09769 -0.48987 0.10322 -0.49098 0.10811 -0.48793 C 0.10985 -0.48682 0.11048 -0.48266 0.11127 -0.47961 C 0.11995 -0.44549 0.10748 -0.48127 0.12074 -0.4466 C 0.12263 -0.44188 0.12689 -0.44299 0.13005 -0.44105 C 0.13178 -0.43994 0.13305 -0.43661 0.13478 -0.43578 C 0.14157 -0.43217 0.17029 -0.43023 0.17092 -0.43023 C 0.18466 -0.41386 0.18418 -0.41636 0.20375 -0.41359 C 0.21007 -0.4061 0.20896 -0.40221 0.21322 -0.39167 C 0.21543 -0.37975 0.21875 -0.37004 0.22096 -0.35839 C 0.22001 -0.34535 0.21669 -0.33703 0.22253 -0.32815 C 0.22538 -0.32371 0.232 -0.31733 0.232 -0.31705 C 0.23958 -0.29736 0.23784 -0.2735 0.24132 -0.25104 C 0.24321 -0.23855 0.24826 -0.22607 0.25236 -0.21525 C 0.23784 -0.19833 0.22885 -0.23273 0.21638 -0.23994 C 0.21117 -0.24299 0.20217 -0.25381 0.20217 -0.25353 C 0.1976 -0.26574 0.1905 -0.26879 0.18497 -0.2785 C 0.18071 -0.28599 0.17566 -0.29403 0.17092 -0.30069 C 0.16793 -0.30485 0.16414 -0.30707 0.16145 -0.31178 C 0.15688 -0.31955 0.15341 -0.32454 0.14741 -0.32815 C 0.14173 -0.34313 0.1381 -0.3362 0.13005 -0.35034 C 0.12074 -0.36671 0.10827 -0.37864 0.09722 -0.39167 C 0.08964 -0.40055 0.08238 -0.41137 0.0737 -0.41636 C 0.07055 -0.41553 0.06707 -0.41636 0.06423 -0.41359 C 0.06281 -0.4122 0.06265 -0.40832 0.06265 -0.40527 C 0.06265 -0.39056 0.06565 -0.38418 0.06897 -0.37226 C 0.06976 -0.36976 0.06928 -0.36588 0.07055 -0.36393 C 0.07639 -0.35367 0.08207 -0.35201 0.08933 -0.34757 C 0.09091 -0.34674 0.09406 -0.34479 0.09406 -0.34452 C 0.1029 -0.34563 0.11205 -0.34424 0.12074 -0.34757 C 0.12579 -0.34951 0.12705 -0.37226 0.12705 -0.37198 C 0.12657 -0.38973 0.12642 -0.40721 0.12547 -0.42468 C 0.12531 -0.42746 0.12515 -0.43106 0.12389 -0.43301 C 0.12121 -0.43772 0.11758 -0.44022 0.11442 -0.44382 C 0.11063 -0.44798 0.10858 -0.45603 0.10495 -0.46047 C 0.09832 -0.46851 0.09296 -0.47711 0.08617 -0.48515 C 0.08459 -0.48682 0.08159 -0.4907 0.08159 -0.49043 C 0.07591 -0.48932 0.06991 -0.4907 0.06581 -0.48238 C 0.06329 -0.47739 0.0595 -0.46601 0.0595 -0.46574 C 0.05918 -0.46074 0.05603 -0.42718 0.0595 -0.42191 C 0.06234 -0.41747 0.06692 -0.42385 0.07055 -0.42468 C 0.08128 -0.43744 0.07639 -0.43384 0.08459 -0.43828 C 0.09122 -0.42108 0.08949 -0.41109 0.08301 -0.39445 C 0.08459 -0.39362 0.08617 -0.39084 0.08775 -0.39167 C 0.09343 -0.395 0.09185 -0.40138 0.09406 -0.40804 C 0.09943 -0.42496 0.09817 -0.42219 0.10495 -0.43023 C 0.1089 -0.41969 0.11142 -0.41276 0.10811 -0.39972 C 0.10653 -0.39362 0.10401 -0.3889 0.10195 -0.38335 C 0.10085 -0.38058 0.0988 -0.37503 0.0988 -0.37475 C 0.09927 -0.37142 0.09832 -0.36532 0.10038 -0.36393 C 0.10274 -0.36227 0.11127 -0.36754 0.11442 -0.36948 C 0.11553 -0.37226 0.11632 -0.37558 0.11758 -0.3778 C 0.11884 -0.38002 0.12389 -0.38529 0.12231 -0.38335 C 0.10337 -0.36116 0.08175 -0.36033 0.0595 -0.35589 C 0.04861 -0.34951 0.05129 -0.35589 0.04861 -0.34202 C 0.05445 -0.33869 0.05697 -0.33176 0.06265 -0.32815 C 0.09517 -0.33009 0.09864 -0.33065 0.12231 -0.33647 C 0.13383 -0.35034 0.14646 -0.37004 0.15988 -0.3778 C 0.17613 -0.36837 0.15577 -0.34174 0.15041 -0.3337 C 0.14867 -0.3312 0.14772 -0.32732 0.14583 -0.32538 C 0.14299 -0.3226 0.1392 -0.32288 0.13636 -0.31983 C 0.11916 -0.30069 0.09801 -0.29736 0.07844 -0.29237 C 0.06202 -0.28266 0.04955 -0.28405 0.03914 -0.25658 C 0.04261 -0.22552 0.0374 -0.25492 0.04545 -0.23744 C 0.04656 -0.23522 0.04561 -0.23079 0.04703 -0.22912 C 0.05192 -0.22357 0.05855 -0.22579 0.06423 -0.22357 C 0.07055 -0.22108 0.07686 -0.21803 0.08301 -0.21525 C 0.09406 -0.21636 0.10732 -0.20859 0.116 -0.2208 C 0.12626 -0.23522 0.11205 -0.22496 0.12389 -0.2319 C 0.13668 -0.22413 0.12989 -0.22552 0.14425 -0.22912 C 0.14978 -0.24355 0.14678 -0.25242 0.15514 -0.26213 C 0.16098 -0.27739 0.1654 -0.28626 0.1755 -0.29237 C 0.17913 -0.29153 0.18371 -0.29375 0.18655 -0.28959 C 0.18829 -0.2871 0.1856 -0.2821 0.18497 -0.2785 C 0.18103 -0.25575 0.18008 -0.25492 0.16777 -0.24549 C 0.14709 -0.22968 0.12689 -0.22219 0.10495 -0.21248 C 0.09722 -0.20915 0.08664 -0.2061 0.08002 -0.19861 C 0.07386 -0.19167 0.07702 -0.19445 0.07055 -0.19056 C 0.06455 -0.17448 0.06044 -0.17586 0.06897 -0.16837 C 0.07039 -0.16699 0.07212 -0.16643 0.0737 -0.1656 C 0.07481 -0.16588 0.09169 -0.1656 0.09722 -0.17115 C 0.10416 -0.17808 0.10858 -0.18613 0.116 -0.19056 C 0.12736 -0.18779 0.13778 -0.18169 0.14899 -0.17669 C 0.15262 -0.17753 0.15625 -0.18086 0.15988 -0.17947 C 0.16177 -0.17864 0.16351 -0.17448 0.16303 -0.17115 C 0.16256 -0.16837 0.15972 -0.16976 0.1583 -0.16837 C 0.14646 -0.15811 0.16288 -0.16643 0.14425 -0.16005 C 0.12973 -0.15506 0.11774 -0.1423 0.10353 -0.13814 C 0.0868 -0.14008 0.07433 -0.14424 0.05808 -0.14091 C 0.05855 -0.13536 0.05824 -0.12954 0.0595 -0.12427 C 0.06187 -0.11456 0.06486 -0.11705 0.06897 -0.11345 C 0.07575 -0.10735 0.08191 -0.10291 0.08933 -0.09958 C 0.10195 -0.10041 0.11442 -0.10069 0.12705 -0.10235 C 0.1302 -0.10263 0.13478 -0.10651 0.13794 -0.1079 C 0.1493 -0.11345 0.16098 -0.11816 0.1725 -0.12149 C 0.17755 -0.12454 0.18655 -0.13536 0.18655 -0.13509 C 0.18608 -0.14008 0.18623 -0.14507 0.18497 -0.14923 C 0.18118 -0.16255 0.1684 -0.16782 0.16145 -0.17392 C 0.14883 -0.18502 0.13573 -0.1914 0.12231 -0.19861 C 0.11758 -0.20416 0.11284 -0.2097 0.10811 -0.21525 C 0.10401 -0.21997 0.09832 -0.22219 0.09406 -0.22635 C 0.09075 -0.22968 0.08822 -0.2355 0.08459 -0.23744 C 0.07354 -0.24355 0.06313 -0.24965 0.05176 -0.25381 C 0.04608 -0.25298 0.04008 -0.25436 0.03456 -0.25104 C 0.03298 -0.2502 0.03298 -0.24577 0.03298 -0.24271 C 0.03298 -0.22635 0.03551 -0.20943 0.04072 -0.19611 C 0.04119 -0.18141 0.04135 -0.16671 0.04229 -0.15201 C 0.04324 -0.1362 0.05429 -0.12399 0.06108 -0.11622 C 0.06471 -0.10679 0.06913 -0.10208 0.0737 -0.09403 C 0.07528 -0.09486 0.07796 -0.09403 0.07844 -0.09681 C 0.08002 -0.10485 0.07591 -0.11289 0.0737 -0.11872 C 0.07102 -0.13259 0.06849 -0.14618 0.06581 -0.16005 C 0.06455 -0.16643 0.0595 -0.17669 0.0595 -0.17642 C 0.05461 -0.20527 0.05902 -0.18307 0.0565 -0.12427 C 0.05571 -0.10457 0.05034 -0.07794 0.04387 -0.06102 C 0.04435 -0.05464 0.04387 -0.04743 0.04545 -0.0416 C 0.04624 -0.03855 0.04924 -0.03911 0.05019 -0.03633 C 0.05192 -0.03134 0.05334 -0.01969 0.05334 -0.01941 C 0.06913 -0.02274 0.07133 -0.02246 0.08002 -0.04438 C 0.08301 -0.05991 0.08128 -0.04993 0.08459 -0.07489 C 0.08538 -0.08044 0.08775 -0.09126 0.08775 -0.09098 C 0.08917 -0.11151 0.09043 -0.12982 0.09406 -0.14923 C 0.09422 -0.15034 0.09643 -0.16643 0.09722 -0.16837 C 0.10511 -0.1864 0.11332 -0.19861 0.12074 -0.21803 C 0.12515 -0.22995 0.12989 -0.23994 0.13478 -0.25104 C 0.14362 -0.27101 0.13683 -0.26518 0.14583 -0.27045 C 0.15056 -0.27628 0.15451 -0.27822 0.15988 -0.28127 C 0.17424 -0.27767 0.17045 -0.28238 0.17392 -0.26213 C 0.17235 -0.21581 0.17503 -0.23356 0.16935 -0.20416 C 0.16303 -0.17087 0.17266 -0.22191 0.16619 -0.18779 C 0.16572 -0.18502 0.16461 -0.17947 0.16461 -0.17919 C 0.16508 -0.16754 0.16366 -0.15478 0.16619 -0.14368 C 0.16698 -0.14008 0.1695 -0.14896 0.17092 -0.15201 C 0.17203 -0.1545 0.1725 -0.15783 0.17392 -0.16005 C 0.17676 -0.16449 0.18339 -0.17115 0.18339 -0.17087 C 0.18829 -0.14535 0.18292 -0.18113 0.18181 -0.15478 C 0.18134 -0.14452 0.1826 -0.13425 0.18339 -0.12427 C 0.18371 -0.11955 0.18623 -0.11095 0.18813 -0.1079 C 0.19097 -0.10374 0.19744 -0.09681 0.19744 -0.09653 C 0.2006 -0.08821 0.20328 -0.0846 0.20849 -0.08016 " pathEditMode="relative" rAng="0" ptsTypes="fffffffffffffffffffffffffffffffffffffffffffffffffffffffffffffffffffffffffffffffffffffffffffffffffffffffffffffffffffffffffffffffffffffffffffffffffffffffffffffA">
                                      <p:cBhvr>
                                        <p:cTn id="6" dur="9000" fill="hold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13" y="-243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22" presetClass="entr" presetSubtype="4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9" dur="500"/>
                                        <p:tgtEl>
                                          <p:spTgt spid="10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22" presetClass="entr" presetSubtype="4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" dur="500"/>
                                        <p:tgtEl>
                                          <p:spTgt spid="10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22" presetClass="entr" presetSubtype="8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5" dur="800"/>
                                        <p:tgtEl>
                                          <p:spTgt spid="10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8" fill="hold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8" dur="500"/>
                                        <p:tgtEl>
                                          <p:spTgt spid="10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1" fill="hold" nodeType="withEffect">
                                  <p:stCondLst>
                                    <p:cond delay="23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1" dur="700"/>
                                        <p:tgtEl>
                                          <p:spTgt spid="10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2" presetClass="entr" presetSubtype="1" fill="hold" nodeType="withEffect">
                                  <p:stCondLst>
                                    <p:cond delay="26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4" dur="600"/>
                                        <p:tgtEl>
                                          <p:spTgt spid="10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22" presetClass="entr" presetSubtype="8" fill="hold" nodeType="withEffect">
                                  <p:stCondLst>
                                    <p:cond delay="330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7" dur="400"/>
                                        <p:tgtEl>
                                          <p:spTgt spid="1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22" presetClass="entr" presetSubtype="8" fill="hold" nodeType="withEffect">
                                  <p:stCondLst>
                                    <p:cond delay="38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0" dur="300"/>
                                        <p:tgtEl>
                                          <p:spTgt spid="10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8" fill="hold" nodeType="withEffect">
                                  <p:stCondLst>
                                    <p:cond delay="410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3" dur="200"/>
                                        <p:tgtEl>
                                          <p:spTgt spid="10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8" fill="hold" nodeType="withEffect">
                                  <p:stCondLst>
                                    <p:cond delay="450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6" dur="300"/>
                                        <p:tgtEl>
                                          <p:spTgt spid="10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8" fill="hold" nodeType="withEffect">
                                  <p:stCondLst>
                                    <p:cond delay="500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200"/>
                                        <p:tgtEl>
                                          <p:spTgt spid="10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22" presetClass="entr" presetSubtype="2" fill="hold" nodeType="withEffect">
                                  <p:stCondLst>
                                    <p:cond delay="520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42" dur="200"/>
                                        <p:tgtEl>
                                          <p:spTgt spid="10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22" presetClass="entr" presetSubtype="8" fill="hold" nodeType="withEffect">
                                  <p:stCondLst>
                                    <p:cond delay="540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5" dur="200"/>
                                        <p:tgtEl>
                                          <p:spTgt spid="10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22" presetClass="entr" presetSubtype="1" fill="hold" nodeType="withEffect">
                                  <p:stCondLst>
                                    <p:cond delay="580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8" dur="300"/>
                                        <p:tgtEl>
                                          <p:spTgt spid="10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22" presetClass="entr" presetSubtype="1" fill="hold" nodeType="withEffect">
                                  <p:stCondLst>
                                    <p:cond delay="630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1" dur="300"/>
                                        <p:tgtEl>
                                          <p:spTgt spid="10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22" presetClass="entr" presetSubtype="1" fill="hold" nodeType="withEffect">
                                  <p:stCondLst>
                                    <p:cond delay="730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4" dur="300"/>
                                        <p:tgtEl>
                                          <p:spTgt spid="10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22" presetClass="entr" presetSubtype="1" fill="hold" nodeType="withEffect">
                                  <p:stCondLst>
                                    <p:cond delay="790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57" dur="700"/>
                                        <p:tgtEl>
                                          <p:spTgt spid="10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9000"/>
                            </p:stCondLst>
                            <p:childTnLst>
                              <p:par>
                                <p:cTn id="59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7007 -0.46306 C 0.07323 -0.46528 0.07639 -0.46695 0.07954 -0.46861 C 0.0808 -0.46917 0.08333 -0.47084 0.08333 -0.47056 C 0.08728 -0.47056 0.09169 -0.4725 0.09532 -0.46973 C 0.09801 -0.4675 0.08933 -0.46473 0.08459 -0.46306 C 0.08017 -0.45917 0.0756 -0.45834 0.0707 -0.4575 C 0.05618 -0.44889 0.07181 -0.45861 0.10795 -0.45528 C 0.1089 -0.45528 0.10637 -0.45361 0.10543 -0.45306 C 0.10353 -0.45195 0.10164 -0.45111 0.09974 -0.45084 C 0.08885 -0.45 0.07781 -0.45 0.06692 -0.44973 C 0.06439 -0.44834 0.06329 -0.44695 0.06187 -0.44306 C 0.0677 -0.44056 0.06928 -0.44056 0.07702 -0.43973 C 0.08949 -0.43695 0.0838 -0.43806 0.09406 -0.43639 C 0.08649 -0.43611 0.07891 -0.43639 0.07133 -0.43528 C 0.0696 -0.435 0.06597 -0.43084 0.06439 -0.42973 C 0.06155 -0.4275 0.0595 -0.42806 0.05618 -0.4275 C 0.05524 -0.42695 0.05113 -0.42528 0.05681 -0.42417 C 0.06123 -0.42334 0.06565 -0.42334 0.07007 -0.42306 C 0.08017 -0.42 0.09027 -0.41695 0.10038 -0.41528 C 0.10543 -0.41361 0.11063 -0.41139 0.11553 -0.40861 C 0.10038 -0.40334 0.08586 -0.40361 0.07007 -0.40306 C 0.06786 -0.40056 0.06628 -0.39973 0.06376 -0.39861 C 0.06329 -0.3975 0.06218 -0.39639 0.0625 -0.39528 C 0.06392 -0.38889 0.07386 -0.39084 0.07386 -0.39056 C 0.08743 -0.38278 0.0726 -0.39111 0.11237 -0.38861 C 0.11316 -0.38861 0.11063 -0.38806 0.10985 -0.3875 C 0.10795 -0.38639 0.10606 -0.38528 0.10416 -0.38417 C 0.10164 -0.38667 0.09375 -0.35278 0.09059 -0.35917 C 0.08743 -0.36556 0.09091 -0.41806 0.08491 -0.4225 C 0.07749 -0.41806 0.06234 -0.38723 0.05461 -0.38584 C 0.05176 -0.38473 0.05271 -0.36584 0.05176 -0.36084 C 0.05287 -0.35611 0.0535 -0.38639 0.06407 -0.3875 C 0.06581 -0.38528 0.05981 -0.34889 0.06218 -0.3475 C 0.06455 -0.34611 0.06944 -0.37584 0.07828 -0.37917 C 0.08712 -0.3825 0.10258 -0.37056 0.1149 -0.3675 C 0.11979 -0.36723 0.14741 -0.3625 0.15214 -0.36084 C 0.15388 -0.36028 0.1261 -0.36473 0.12437 -0.36417 C 0.11853 -0.36223 0.12105 -0.36278 0.11174 -0.36084 C 0.09911 -0.35806 0.08664 -0.35361 0.07386 -0.35195 C 0.06881 -0.34973 0.06376 -0.34973 0.05871 -0.3475 C 0.05855 -0.34639 0.05776 -0.34528 0.05808 -0.34417 C 0.05871 -0.34167 0.06092 -0.34223 0.0625 -0.34195 C 0.06455 -0.34139 0.06676 -0.34111 0.06881 -0.34084 C 0.07796 -0.34167 0.08428 -0.34473 0.0928 -0.34973 C 0.10069 -0.35445 0.11063 -0.35473 0.11868 -0.35528 C 0.12263 -0.355 0.12673 -0.355 0.13068 -0.35417 C 0.13131 -0.35389 0.12942 -0.35361 0.12878 -0.35306 C 0.12815 -0.3525 0.14425 -0.32306 0.14362 -0.3225 C 0.14362 -0.32223 0.12468 -0.32139 0.12373 -0.32084 C 0.11742 -0.31723 0.10811 -0.34361 0.10164 -0.34306 C 0.09548 -0.34167 0.08933 -0.34 0.08333 -0.33639 C 0.07717 -0.33445 0.0797 -0.33084 0.07607 -0.32973 C 0.07244 -0.32861 0.06486 -0.32973 0.06187 -0.32973 " pathEditMode="relative" rAng="0" ptsTypes="fffffffffffffffffffffffffffafffaaafffffffffffffffffaf">
                                      <p:cBhvr>
                                        <p:cTn id="60" dur="2000" fill="hold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32" y="68"/>
                                    </p:animMotion>
                                  </p:childTnLst>
                                </p:cTn>
                              </p:par>
                              <p:par>
                                <p:cTn id="61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3" dur="16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11000"/>
                            </p:stCondLst>
                            <p:childTnLst>
                              <p:par>
                                <p:cTn id="65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3235 -0.40822 C 0.02904 -0.40628 0.02651 -0.40211 0.0232 -0.40017 C 0.01183 -0.38434 -0.00569 -0.38017 -0.01926 -0.37212 C -0.02289 -0.36768 -0.02747 -0.36601 -0.03125 -0.36157 C -0.03331 -0.35102 -0.02336 -0.35685 -0.01989 -0.3574 C -0.01326 -0.36046 -0.006 -0.36296 0.00047 -0.36684 C 0.00489 -0.36934 0.01026 -0.37295 0.01483 -0.37351 C 0.02288 -0.37434 0.03109 -0.37434 0.03914 -0.3749 C 0.04151 -0.3624 0.0273 -0.35712 0.02178 -0.3549 C 0.01973 -0.35407 0.01562 -0.35213 0.01562 -0.35185 C 0.01168 -0.34713 0.00647 -0.34657 0.00205 -0.34268 C -0.00569 -0.33602 -0.01389 -0.3313 -0.02226 -0.32824 C -0.02526 -0.32436 -0.02999 -0.32102 -0.03362 -0.3188 C -0.03141 -0.31353 -0.03236 -0.3138 -0.02747 -0.31353 C -0.00758 -0.31269 0.01247 -0.31269 0.03235 -0.31214 C 0.02983 -0.30603 0.02635 -0.30353 0.02241 -0.30158 C 0.01467 -0.2977 0.00773 -0.2927 -0.00032 -0.29075 C -0.00742 -0.28631 -0.01563 -0.28103 -0.02305 -0.27881 C -0.02731 -0.27604 -0.02904 -0.2752 -0.03204 -0.26937 C -0.03346 -0.26215 -0.02983 -0.26382 -0.02605 -0.26271 C -0.01152 -0.26382 -0.00048 -0.29075 0.01404 -0.29187 C 0.01988 -0.30603 0.03204 -0.28492 0.04245 -0.27604 C 0.04182 -0.29214 0.0404 -0.27187 0.03756 -0.26687 C 0.03677 -0.26548 0.04135 -0.24771 0.0404 -0.2466 C 0.03661 -0.24216 0.03361 -0.24965 0.02919 -0.24799 C 0.02399 -0.24799 0.00868 -0.27132 0.00568 -0.26993 C 0.00268 -0.26854 0.01373 -0.24466 0.0112 -0.23938 C 0.00663 -0.2366 -0.0049 -0.24021 -0.00932 -0.23744 C -0.01563 -0.23355 -0.02257 -0.23327 -0.02825 -0.22688 C -0.02857 -0.22549 -0.02936 -0.22411 -0.02904 -0.22272 C -0.02889 -0.22244 -0.02399 -0.2205 -0.02305 -0.22022 C -0.02052 -0.21966 -0.018 -0.21939 -0.01547 -0.21883 C 0.003 -0.21939 0.0142 -0.26687 0.03267 -0.26632 C 0.03898 -0.26604 0.04277 -0.218 0.04245 -0.21744 C 0.04056 -0.21217 0.02872 -0.21994 0.02572 -0.21744 C 0.02272 -0.21494 0.02588 -0.20356 0.02399 -0.20161 C 0.01688 -0.19772 0.0213 -0.20967 0.01404 -0.20633 C 0.00836 -0.20383 -0.009 -0.18523 -0.01468 -0.18273 C -0.0161 -0.18106 -0.018 -0.18079 -0.01926 -0.17884 C -0.02084 -0.17662 -0.02163 -0.17329 -0.02305 -0.17079 C -0.01074 -0.15774 0.01704 -0.17717 0.01957 -0.17717 C 0.02683 -0.17662 0.02983 -0.18523 0.03693 -0.1819 C 0.03898 -0.18079 0.04624 -0.1744 0.0445 -0.17218 C 0.04103 -0.16801 0.01941 -0.12774 0.01531 -0.1258 C 0.01073 -0.12108 0.0273 -0.16079 0.01878 -0.15774 C 0.01752 -0.15718 0.00978 -0.1494 0.00978 -0.14913 C 0.0041 -0.14302 0.00221 -0.13719 -0.00411 -0.13358 C -0.0101 -0.13024 -0.01626 -0.12524 -0.02147 -0.11886 C -0.01721 -0.11719 -0.01279 -0.11691 -0.00853 -0.11553 C -0.00063 -0.11553 0.02414 -0.12774 0.03125 -0.1283 C 0.03835 -0.12886 0.03251 -0.11636 0.03377 -0.11886 C 0.03977 -0.11553 0.04182 -0.14746 0.03898 -0.14413 C 0.03282 -0.13774 0.05461 -0.08609 0.04798 -0.08192 C 0.04245 -0.07831 -0.00142 -0.07887 -0.00711 -0.07609 C -0.01042 -0.0722 -0.01452 -0.0697 -0.01768 -0.06554 C -0.02178 -0.06026 -0.02557 -0.05443 -0.02983 -0.04943 C -0.03015 -0.0486 -0.03236 -0.04305 -0.03204 -0.04166 C -0.03141 -0.0386 -0.02699 -0.03777 -0.02605 -0.03749 C -0.02226 -0.03666 -0.01847 -0.0361 -0.01468 -0.03499 C -0.01295 -0.03444 -0.01105 -0.03416 -0.00932 -0.0336 C 0.00173 -0.03444 0.01057 -0.03555 0.02099 -0.03888 C 0.02399 -0.03971 0.02699 -0.04082 0.02998 -0.04166 C 0.03125 -0.04193 0.0404 -0.04055 0.0404 -0.04027 C 0.04056 -0.04055 0.04166 -0.0436 0.03756 -0.03749 C 0.03677 -0.03638 0.03551 -0.03666 0.03456 -0.0361 C 0.03109 -0.03388 0.02935 -0.03083 0.0262 -0.02694 C 0.02446 -0.02472 0.0202 -0.02416 0.0202 -0.02388 C 0.01736 -0.02083 0.0142 -0.01944 0.01104 -0.0175 C 0.00694 -0.015 0.00315 -0.01083 -0.00095 -0.00833 C -0.00253 -0.0075 -0.00411 -0.00722 -0.00553 -0.00556 C -0.00711 -0.00389 -0.0101 -0.00028 -0.0101 1.93835E-6 " pathEditMode="relative" rAng="0" ptsTypes="fffffffffffffffffffffffffaffffffffaffffffffffffffafffffffffffffffffffff">
                                      <p:cBhvr>
                                        <p:cTn id="66" dur="2000" fill="hold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22" y="204"/>
                                    </p:animMotion>
                                  </p:childTnLst>
                                </p:cTn>
                              </p:par>
                              <p:par>
                                <p:cTn id="67" presetID="22" presetClass="entr" presetSubtype="1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69" dur="14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13000"/>
                            </p:stCondLst>
                            <p:childTnLst>
                              <p:par>
                                <p:cTn id="71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1884 -0.44154 C 0.12231 -0.44098 0.12579 -0.4421 0.1291 -0.44015 C 0.12989 -0.4396 0.12863 -0.43737 0.12831 -0.43599 C 0.12673 -0.43043 0.12326 -0.42404 0.12042 -0.42071 C 0.12074 -0.41794 0.11963 -0.41294 0.12121 -0.41238 C 0.1291 -0.4096 0.14236 -0.41488 0.1512 -0.41655 C 0.15325 -0.41599 0.15562 -0.41655 0.15751 -0.41516 C 0.1583 -0.4146 0.15593 -0.41433 0.15514 -0.41377 C 0.14962 -0.40905 0.15625 -0.41238 0.14962 -0.4096 C 0.1422 -0.401 0.13257 -0.40155 0.12515 -0.39294 C 0.1231 -0.38211 0.13383 -0.38822 0.13699 -0.38878 C 0.14741 -0.39489 0.15798 -0.39877 0.16872 -0.40266 C 0.18639 -0.40155 0.20312 -0.40516 0.18923 -0.39711 C 0.1845 -0.39072 0.18055 -0.39072 0.17503 -0.38739 C 0.1695 -0.38406 0.16398 -0.38017 0.1583 -0.37767 C 0.15483 -0.37628 0.15135 -0.37545 0.14804 -0.3735 C 0.14599 -0.36823 0.13952 -0.33601 0.14315 -0.33379 C 0.16003 -0.33463 0.18434 -0.36351 0.20107 -0.37073 C 0.20612 -0.37017 0.21133 -0.37211 0.21606 -0.36934 C 0.21733 -0.3685 0.21606 -0.36434 0.21527 -0.3624 C 0.2137 -0.35795 0.20249 -0.35379 0.19949 -0.3524 C 0.18829 -0.34684 0.18986 -0.31824 0.17866 -0.31158 C 0.17834 -0.31019 0.1482 -0.31269 0.14867 -0.31158 C 0.1493 -0.31019 0.16682 -0.33018 0.16793 -0.33018 C 0.18213 -0.33018 0.19633 -0.33213 0.21054 -0.33296 C 0.22427 -0.33629 0.21796 -0.33629 0.22948 -0.33435 C 0.23027 -0.3324 0.23248 -0.32879 0.23027 -0.32602 C 0.22664 -0.32157 0.21385 -0.31741 0.20975 -0.3163 C 0.2077 -0.31574 0.20549 -0.31546 0.20344 -0.31491 C 0.20217 -0.31463 0.20075 -0.3138 0.19949 -0.31352 C 0.19744 -0.31296 0.16729 -0.36489 0.16524 -0.36434 C 0.1594 -0.36101 0.17834 -0.32629 0.17235 -0.32407 C 0.16966 -0.32296 0.16714 -0.30241 0.16714 -0.30213 C 0.16682 -0.30102 0.16603 -0.29963 0.16635 -0.29825 C 0.16666 -0.29686 0.16793 -0.29714 0.16872 -0.29686 C 0.17424 -0.29408 0.15467 -0.28047 0.16051 -0.27964 C 0.15483 -0.27298 0.17866 -0.28797 0.18371 -0.28575 C 0.19902 -0.28686 0.22411 -0.29714 0.23737 -0.28158 C 0.23705 -0.27964 0.23737 -0.27714 0.23658 -0.27603 C 0.23421 -0.2727 0.22364 -0.26992 0.22159 -0.26909 C 0.2118 -0.26576 0.19381 -0.28075 0.18497 -0.27547 C 0.18071 -0.27298 0.16288 -0.25048 0.15861 -0.24798 C 0.15704 -0.24715 0.16098 -0.22604 0.16098 -0.22577 C 0.17882 -0.21549 0.19886 -0.24354 0.22238 -0.24271 C 0.22064 -0.24076 0.21938 -0.23743 0.21764 -0.23576 C 0.21591 -0.2341 0.21385 -0.23465 0.21212 -0.23299 C 0.20659 -0.22771 0.18907 -0.23632 0.18308 -0.23271 C 0.18055 -0.22827 0.1905 -0.21133 0.18765 -0.20799 C 0.18592 -0.20327 0.17092 -0.20494 0.16887 -0.20077 C 0.17519 -0.19328 0.19318 -0.19328 0.20107 -0.19244 C 0.19997 -0.18967 0.19776 -0.18744 0.19791 -0.18411 C 0.19823 -0.17995 0.19776 -0.1755 0.1987 -0.17161 C 0.19949 -0.16856 0.2208 -0.14968 0.22269 -0.1494 C 0.22269 -0.16467 0.22222 -0.18411 0.22901 -0.18411 " pathEditMode="relative" rAng="0" ptsTypes="ffffffffffffffffffffffffffffffffffffffffffffffffffffff">
                                      <p:cBhvr>
                                        <p:cTn id="72" dur="2000" fill="hold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59" y="146"/>
                                    </p:animMotion>
                                  </p:childTnLst>
                                </p:cTn>
                              </p:par>
                              <p:par>
                                <p:cTn id="73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5" dur="20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15000"/>
                            </p:stCondLst>
                            <p:childTnLst>
                              <p:par>
                                <p:cTn id="77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0258 -0.31416 C 0.10511 -0.31277 0.1089 -0.31416 0.11016 -0.31027 C 0.11095 -0.30805 0.10953 -0.30527 0.10906 -0.30277 C 0.10795 -0.29639 0.1059 -0.29166 0.10479 -0.28555 C 0.10732 -0.285 0.11063 -0.28694 0.11237 -0.28361 C 0.11458 -0.27889 0.11048 -0.27 0.10906 -0.26666 C 0.107 -0.25611 0.10827 -0.25527 0.11458 -0.25333 C 0.11805 -0.24333 0.11474 -0.24555 0.11016 -0.23805 C 0.11048 -0.23611 0.11048 -0.23361 0.11127 -0.23222 C 0.11205 -0.23083 0.11458 -0.23222 0.11458 -0.23027 C 0.11458 -0.2275 0.11253 -0.22611 0.11127 -0.22472 C 0.10653 -0.22 0.09895 -0.21777 0.0939 -0.215 C 0.0928 -0.21444 0.09185 -0.21389 0.09075 -0.21333 C 0.08854 -0.21194 0.08649 -0.21083 0.08428 -0.20944 C 0.08317 -0.20889 0.08096 -0.2075 0.08096 -0.20722 C 0.0797 -0.20083 0.07828 -0.2 0.08428 -0.2 C 0.09753 -0.2 0.11095 -0.20111 0.12421 -0.20166 C 0.12894 -0.20444 0.12642 -0.20305 0.13178 -0.20555 C 0.13289 -0.20611 0.12973 -0.20416 0.12863 -0.20361 C 0.12752 -0.20305 0.12642 -0.20222 0.12531 -0.20166 C 0.11789 -0.19861 0.12247 -0.20027 0.11127 -0.19805 C 0.10985 -0.1975 0.10842 -0.19694 0.107 -0.19611 C 0.10479 -0.195 0.10038 -0.19222 0.10038 -0.19194 C 0.09611 -0.18694 0.09169 -0.18389 0.08743 -0.17889 C 0.09059 -0.16305 0.10401 -0.1725 0.11127 -0.17333 C 0.12279 -0.17583 0.13478 -0.18 0.14583 -0.18666 C 0.14757 -0.18583 0.15483 -0.18555 0.14914 -0.17694 C 0.14662 -0.17305 0.13699 -0.17083 0.13399 -0.16944 C 0.12626 -0.16555 0.12058 -0.16166 0.11237 -0.16 C 0.10479 -0.15555 0.11426 -0.16083 0.10148 -0.15611 C 0.09785 -0.15472 0.09532 -0.15055 0.09185 -0.14833 C 0.09217 -0.14639 0.09169 -0.14305 0.0928 -0.14277 C 0.10558 -0.14083 0.11995 -0.14639 0.13289 -0.14833 C 0.13462 -0.14889 0.13636 -0.15027 0.13825 -0.15027 C 0.14362 -0.15027 0.1493 -0.15055 0.15451 -0.14833 C 0.15577 -0.14777 0.15246 -0.14555 0.15135 -0.14472 C 0.1493 -0.14305 0.14709 -0.14222 0.14488 -0.14083 C 0.1392 -0.1375 0.13447 -0.13472 0.12863 -0.13333 C 0.12216 -0.12944 0.11726 -0.12889 0.11016 -0.1275 C 0.10969 -0.12722 0.10227 -0.12277 0.10038 -0.12166 C 0.09927 -0.12111 0.09722 -0.12 0.09722 -0.11972 C 0.09169 -0.09111 0.09532 -0.11611 0.13731 -0.11611 C 0.14346 -0.11611 0.14946 -0.11472 0.15562 -0.11416 C 0.1553 -0.11166 0.15562 -0.10833 0.15451 -0.10666 C 0.15309 -0.10472 0.15088 -0.105 0.14914 -0.10472 C 0.14125 -0.10305 0.1332 -0.10222 0.12531 -0.10083 C 0.11537 -0.09916 0.10243 -0.09555 0.0939 -0.08555 C 0.09596 -0.08055 0.09596 -0.07889 0.09943 -0.07611 C 0.10148 -0.07444 0.1059 -0.07222 0.1059 -0.07194 C 0.15672 -0.075 0.12736 -0.06916 0.14488 -0.07611 C 0.14788 -0.07722 0.15388 -0.07944 0.15672 -0.08 C 0.16003 -0.08083 0.16651 -0.08166 0.16651 -0.08139 " pathEditMode="relative" rAng="0" ptsTypes="fffffffffffffffffffffffffffffffffffffffffffffffffffA">
                                      <p:cBhvr>
                                        <p:cTn id="78" dur="2000" fill="hold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0" y="123"/>
                                    </p:animMotion>
                                  </p:childTnLst>
                                </p:cTn>
                              </p:par>
                              <p:par>
                                <p:cTn id="79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81" dur="1800"/>
                                        <p:tgtEl>
                                          <p:spTgt spid="10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>
                            <p:stCondLst>
                              <p:cond delay="17000"/>
                            </p:stCondLst>
                            <p:childTnLst>
                              <p:par>
                                <p:cTn id="83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3282 -0.25875 C 0.03677 -0.26097 0.03851 -0.26264 0.04308 -0.26347 C 0.04372 -0.26375 0.04435 -0.26458 0.04514 -0.26458 C 0.04766 -0.26458 0.05019 -0.26514 0.05255 -0.26347 C 0.05334 -0.26291 0.05113 -0.2618 0.0505 -0.26097 C 0.04987 -0.26014 0.04908 -0.25958 0.04845 -0.25875 C 0.0464 -0.25625 0.04435 -0.25403 0.04229 -0.25153 C 0.04024 -0.2457 0.03724 -0.24737 0.04103 -0.2432 C 0.04577 -0.24348 0.0505 -0.24431 0.05524 -0.24431 C 0.05634 -0.24431 0.05792 -0.24487 0.05871 -0.2432 C 0.05966 -0.24126 0.05366 -0.23543 0.05318 -0.23487 C 0.05003 -0.23127 0.0505 -0.23154 0.04703 -0.22516 C 0.0464 -0.22405 0.04514 -0.22155 0.04514 -0.22127 C 0.05176 -0.21377 0.0565 -0.21877 0.06613 -0.21933 C 0.06834 -0.22044 0.0707 -0.22238 0.07291 -0.21933 C 0.07354 -0.21849 0.07149 -0.21766 0.07086 -0.21683 C 0.06849 -0.21405 0.06628 -0.21211 0.06344 -0.211 C 0.06139 -0.2085 0.05966 -0.20628 0.05729 -0.20489 C 0.05587 -0.20406 0.05318 -0.20267 0.05318 -0.20239 C 0.05082 -0.19962 0.04877 -0.19878 0.04703 -0.19434 C 0.0565 -0.18962 0.06455 -0.19823 0.07354 -0.20128 C 0.07875 -0.20628 0.08428 -0.20933 0.0898 -0.21322 C 0.09185 -0.21461 0.09596 -0.21683 0.09596 -0.21655 C 0.09469 -0.20739 0.09106 -0.20239 0.0857 -0.20017 C 0.08017 -0.19573 0.07544 -0.19295 0.06944 -0.19073 C 0.06613 -0.18768 0.06313 -0.18712 0.05934 -0.18601 C 0.05476 -0.18296 0.05003 -0.18046 0.04577 -0.1763 C 0.04324 -0.16991 0.04561 -0.17185 0.04908 -0.17047 C 0.06218 -0.15881 0.07891 -0.16047 0.09248 -0.17047 C 0.09643 -0.16991 0.10038 -0.1713 0.10416 -0.16908 C 0.10764 -0.16713 0.10211 -0.16325 0.10069 -0.16214 C 0.09643 -0.15881 0.09233 -0.1552 0.08775 -0.15353 C 0.08191 -0.15131 0.0767 -0.14742 0.07086 -0.1452 C 0.06392 -0.14243 0.05729 -0.14132 0.05113 -0.13465 C 0.04971 -0.13077 0.04971 -0.1266 0.05318 -0.12632 C 0.06881 -0.12521 0.09848 -0.12854 0.11411 -0.12771 C 0.11142 -0.1241 0.09454 -0.11605 0.09122 -0.11439 C 0.0868 -0.10661 0.07891 -0.10217 0.07291 -0.09884 C 0.07228 -0.09801 0.07165 -0.0969 0.07086 -0.09634 C 0.07023 -0.09578 0.06944 -0.09578 0.06881 -0.09523 C 0.06723 -0.09356 0.06613 -0.09079 0.06471 -0.08912 C 0.06628 -0.07913 0.07149 -0.08385 0.07702 -0.0844 C 0.08049 -0.08718 0.08365 -0.08968 0.08712 -0.09273 C 0.08901 -0.0944 0.11332 -0.10161 0.11332 -0.10134 C 0.11458 -0.0944 0.09091 -0.08635 0.08775 -0.08329 C 0.08443 -0.08024 0.0868 -0.08163 0.0838 -0.07718 C 0.07907 -0.07024 0.07307 -0.06497 0.06944 -0.05581 C 0.06865 -0.05081 0.06849 -0.04914 0.07149 -0.04748 C 0.07528 -0.04776 0.07923 -0.04776 0.08301 -0.04859 C 0.08633 -0.04942 0.08964 -0.05608 0.09248 -0.05831 C 0.09659 -0.06164 0.10306 -0.06525 0.10748 -0.06525 " pathEditMode="relative" rAng="0" ptsTypes="fffffffffffffffffffffffffffffffffffffffffffffffffff">
                                      <p:cBhvr>
                                        <p:cTn id="84" dur="2000" fill="hold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41" y="102"/>
                                    </p:animMotion>
                                  </p:childTnLst>
                                </p:cTn>
                              </p:par>
                              <p:par>
                                <p:cTn id="85" presetID="22" presetClass="entr" presetSubtype="1" fill="hold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87" dur="16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8" fill="hold">
                            <p:stCondLst>
                              <p:cond delay="19000"/>
                            </p:stCondLst>
                            <p:childTnLst>
                              <p:par>
                                <p:cTn id="89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5546 -0.36517 C 0.15704 -0.36573 0.15877 -0.36656 0.16035 -0.36656 C 0.16414 -0.36656 0.16793 -0.36739 0.17156 -0.36517 C 0.17313 -0.36434 0.17029 -0.35906 0.16872 -0.35795 C 0.16351 -0.35406 0.15735 -0.35101 0.15199 -0.34823 C 0.15135 -0.3474 0.14993 -0.34712 0.14993 -0.34573 C 0.14993 -0.34434 0.1512 -0.34351 0.15199 -0.34323 C 0.1564 -0.34212 0.16082 -0.3424 0.16524 -0.34212 C 0.1684 -0.34046 0.16966 -0.34073 0.17156 -0.33601 C 0.16572 -0.33296 0.15972 -0.32963 0.15419 -0.32491 C 0.15214 -0.32324 0.14962 -0.31991 0.14788 -0.31769 C 0.14725 -0.31685 0.14583 -0.31519 0.14583 -0.31491 C 0.13889 -0.29741 0.14125 -0.30797 0.16461 -0.30658 C 0.16998 -0.30519 0.17534 -0.30213 0.18055 -0.29936 C 0.18071 -0.29825 0.18166 -0.29658 0.18118 -0.29575 C 0.18024 -0.29408 0.17424 -0.29297 0.17282 -0.29214 C 0.16619 -0.2888 0.1594 -0.28547 0.15277 -0.28214 C 0.14962 -0.27881 0.14599 -0.27631 0.14236 -0.27492 C 0.13557 -0.26298 0.16067 -0.2652 0.16177 -0.2652 C 0.16319 -0.26464 0.16445 -0.26437 0.16587 -0.26381 C 0.16729 -0.26326 0.17014 -0.26159 0.17014 -0.26131 C 0.16872 -0.25548 0.16603 -0.25604 0.1624 -0.25409 C 0.15751 -0.25131 0.1523 -0.24854 0.14725 -0.24687 C 0.1422 -0.24243 0.13668 -0.23937 0.13131 -0.23576 C 0.1321 -0.23076 0.13368 -0.22882 0.13683 -0.22854 C 0.14693 -0.22799 0.15719 -0.22771 0.16729 -0.22743 C 0.16903 -0.22632 0.1714 -0.22743 0.17282 -0.22493 C 0.17329 -0.2241 0.1714 -0.2241 0.17077 -0.22354 C 0.16998 -0.22299 0.16935 -0.22216 0.16872 -0.22132 C 0.16635 -0.21855 0.16714 -0.21882 0.16461 -0.21744 C 0.16319 -0.2166 0.16035 -0.21521 0.16035 -0.21494 C 0.15735 -0.2116 0.15419 -0.20855 0.15072 -0.20661 C 0.1493 -0.20494 0.14772 -0.20383 0.14646 -0.20161 C 0.14583 -0.2005 0.1452 -0.19911 0.14441 -0.198 C 0.14283 -0.19577 0.13952 -0.19189 0.13952 -0.19161 C 0.14851 -0.18078 0.16209 -0.19328 0.17219 -0.1955 C 0.17613 -0.19522 0.18039 -0.19716 0.18402 -0.19439 C 0.18402 -0.19411 0.1774 -0.18661 0.17566 -0.18578 C 0.17061 -0.17967 0.16414 -0.17522 0.15972 -0.16745 C 0.15719 -0.16301 0.15435 -0.15773 0.15135 -0.15412 C 0.14946 -0.1494 0.14914 -0.14773 0.14993 -0.1419 C 0.15293 -0.14218 0.15593 -0.14218 0.15893 -0.14301 C 0.16067 -0.14357 0.17045 -0.15329 0.17156 -0.15412 C 0.17629 -0.15829 0.17818 -0.15273 0.18324 -0.15329 C 0.1957 -0.15162 0.18813 -0.15301 0.18197 -0.14968 C 0.17534 -0.14107 0.19176 -0.1544 0.18529 -0.14912 C 0.17897 -0.14412 0.16982 -0.12885 0.16729 -0.11746 C 0.16856 -0.1058 0.16935 -0.10747 0.17629 -0.10885 C 0.17866 -0.11274 0.18324 -0.11746 0.18608 -0.11996 C 0.18734 -0.12107 0.19018 -0.12218 0.19018 -0.12191 C 0.19302 -0.12052 0.19286 -0.11857 0.19365 -0.11385 C 0.19349 -0.11135 0.19349 -0.10858 0.19302 -0.10636 C 0.19239 -0.10358 0.19018 -0.09913 0.19018 -0.09886 C 0.18923 -0.09358 0.1875 -0.08803 0.1875 -0.08192 " pathEditMode="relative" rAng="0" ptsTypes="ffffffffffffffffffffffffffffffffffffffffffffffffffffff">
                                      <p:cBhvr>
                                        <p:cTn id="90" dur="1900" fill="hold"/>
                                        <p:tgtEl>
                                          <p:spTgt spid="10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8" y="141"/>
                                    </p:animMotion>
                                  </p:childTnLst>
                                </p:cTn>
                              </p:par>
                              <p:par>
                                <p:cTn id="91" presetID="22" presetClass="entr" presetSubtype="1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93" dur="1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>
            <a:lumMod val="95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Box 7"/>
          <p:cNvSpPr txBox="1"/>
          <p:nvPr/>
        </p:nvSpPr>
        <p:spPr>
          <a:xfrm>
            <a:off x="3962398" y="3005435"/>
            <a:ext cx="5791201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IN" sz="24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</a:rPr>
              <a:t>Share Pictures, Greetings, Rage faces </a:t>
            </a:r>
          </a:p>
          <a:p>
            <a:pPr algn="ctr"/>
            <a:r>
              <a:rPr lang="en-IN" sz="24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</a:rPr>
              <a:t>and </a:t>
            </a:r>
            <a:r>
              <a:rPr lang="en-IN" sz="2400" dirty="0" err="1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</a:rPr>
              <a:t>Smileys</a:t>
            </a:r>
            <a:r>
              <a:rPr lang="en-IN" sz="24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</a:rPr>
              <a:t>! </a:t>
            </a:r>
            <a:endParaRPr lang="en-US" sz="2400" dirty="0" smtClean="0">
              <a:solidFill>
                <a:schemeClr val="bg1">
                  <a:lumMod val="50000"/>
                </a:schemeClr>
              </a:solidFill>
              <a:latin typeface="Century Gothic" pitchFamily="34" charset="0"/>
            </a:endParaRPr>
          </a:p>
        </p:txBody>
      </p:sp>
      <p:pic>
        <p:nvPicPr>
          <p:cNvPr id="38914" name="Picture 2" descr="E:\SHIT\Serious SHIT\Models\A240-Pendin\Mi Doodle\backg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609600" y="266700"/>
            <a:ext cx="2667000" cy="5222096"/>
          </a:xfrm>
          <a:prstGeom prst="rect">
            <a:avLst/>
          </a:prstGeom>
          <a:noFill/>
        </p:spPr>
      </p:pic>
      <p:pic>
        <p:nvPicPr>
          <p:cNvPr id="38915" name="Picture 3" descr="E:\SHIT\Serious SHIT\Models\A240-Pendin\Mi Doodle\colors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609600" y="266700"/>
            <a:ext cx="2667000" cy="5222096"/>
          </a:xfrm>
          <a:prstGeom prst="rect">
            <a:avLst/>
          </a:prstGeom>
          <a:noFill/>
        </p:spPr>
      </p:pic>
      <p:sp>
        <p:nvSpPr>
          <p:cNvPr id="11" name="TextBox 10"/>
          <p:cNvSpPr txBox="1"/>
          <p:nvPr/>
        </p:nvSpPr>
        <p:spPr>
          <a:xfrm>
            <a:off x="3962399" y="4758035"/>
            <a:ext cx="579120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</a:rPr>
              <a:t>Paint the Canvas in vibrant colors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3962399" y="3919835"/>
            <a:ext cx="5791201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IN" sz="24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</a:rPr>
              <a:t>Share Customized web pages &amp; maps</a:t>
            </a:r>
            <a:endParaRPr lang="en-US" sz="2400" dirty="0" smtClean="0">
              <a:solidFill>
                <a:schemeClr val="bg1">
                  <a:lumMod val="50000"/>
                </a:schemeClr>
              </a:solidFill>
              <a:latin typeface="Century Gothic" pitchFamily="34" charset="0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6706788" y="190500"/>
            <a:ext cx="3199212" cy="626743"/>
          </a:xfrm>
          <a:prstGeom prst="rect">
            <a:avLst/>
          </a:prstGeom>
          <a:noFill/>
        </p:spPr>
        <p:txBody>
          <a:bodyPr wrap="none" lIns="72042" tIns="36021" rIns="72042" bIns="36021" rtlCol="0">
            <a:spAutoFit/>
          </a:bodyPr>
          <a:lstStyle/>
          <a:p>
            <a:pPr algn="ctr"/>
            <a:r>
              <a:rPr lang="en-US" altLang="zh-CN" sz="3600" u="sng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M! DOODLE</a:t>
            </a:r>
            <a:endParaRPr lang="zh-CN" altLang="en-US" sz="2400" u="sng" dirty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微软雅黑" pitchFamily="34" charset="-122"/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765670" y="828911"/>
            <a:ext cx="214033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itchFamily="34" charset="0"/>
              </a:rPr>
              <a:t>Pre-Loaded Apps</a:t>
            </a:r>
            <a:endParaRPr lang="en-IN" dirty="0" smtClean="0">
              <a:solidFill>
                <a:schemeClr val="tx1">
                  <a:lumMod val="75000"/>
                  <a:lumOff val="25000"/>
                </a:schemeClr>
              </a:solidFill>
              <a:latin typeface="Century Gothic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9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89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chemeClr val="bg1">
                <a:lumMod val="95000"/>
              </a:schemeClr>
            </a:gs>
            <a:gs pos="57000">
              <a:schemeClr val="bg1">
                <a:lumMod val="75000"/>
                <a:alpha val="45000"/>
              </a:schemeClr>
            </a:gs>
            <a:gs pos="100000">
              <a:schemeClr val="tx1">
                <a:lumMod val="50000"/>
                <a:lumOff val="50000"/>
                <a:alpha val="43000"/>
              </a:schemeClr>
            </a:gs>
          </a:gsLst>
          <a:path path="circle">
            <a:fillToRect l="50000" t="50000" r="50000" b="50000"/>
          </a:path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3430188" y="97157"/>
            <a:ext cx="3199212" cy="626743"/>
          </a:xfrm>
          <a:prstGeom prst="rect">
            <a:avLst/>
          </a:prstGeom>
          <a:noFill/>
        </p:spPr>
        <p:txBody>
          <a:bodyPr wrap="none" lIns="72042" tIns="36021" rIns="72042" bIns="36021" rtlCol="0">
            <a:spAutoFit/>
          </a:bodyPr>
          <a:lstStyle/>
          <a:p>
            <a:pPr algn="ctr"/>
            <a:r>
              <a:rPr lang="en-US" altLang="zh-CN" sz="3600" u="sng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M! DOODLE</a:t>
            </a:r>
            <a:endParaRPr lang="zh-CN" altLang="en-US" sz="2400" u="sng" dirty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微软雅黑" pitchFamily="34" charset="-122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038600" y="735568"/>
            <a:ext cx="214033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itchFamily="34" charset="0"/>
              </a:rPr>
              <a:t>Pre-Loaded Apps</a:t>
            </a:r>
            <a:endParaRPr lang="en-IN" dirty="0" smtClean="0">
              <a:solidFill>
                <a:schemeClr val="tx1">
                  <a:lumMod val="75000"/>
                  <a:lumOff val="25000"/>
                </a:schemeClr>
              </a:solidFill>
              <a:latin typeface="Century Gothic" pitchFamily="34" charset="0"/>
            </a:endParaRPr>
          </a:p>
        </p:txBody>
      </p:sp>
      <p:pic>
        <p:nvPicPr>
          <p:cNvPr id="35855" name="Picture 15" descr="E:\SHIT\Serious SHIT\Models\A240-Pendin\Mi Doodle\2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533400" y="1257300"/>
            <a:ext cx="2549805" cy="4932000"/>
          </a:xfrm>
          <a:prstGeom prst="rect">
            <a:avLst/>
          </a:prstGeom>
          <a:noFill/>
        </p:spPr>
      </p:pic>
      <p:pic>
        <p:nvPicPr>
          <p:cNvPr id="35856" name="Picture 16" descr="E:\SHIT\Serious SHIT\Models\A240-Pendin\Mi Doodle\3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3886200" y="1202100"/>
            <a:ext cx="2514600" cy="4863903"/>
          </a:xfrm>
          <a:prstGeom prst="rect">
            <a:avLst/>
          </a:prstGeom>
          <a:noFill/>
        </p:spPr>
      </p:pic>
      <p:pic>
        <p:nvPicPr>
          <p:cNvPr id="35857" name="Picture 17" descr="E:\SHIT\Serious SHIT\Models\A240-Pendin\Mi Doodle\4.pn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7156133" y="1202100"/>
            <a:ext cx="2521267" cy="4876800"/>
          </a:xfrm>
          <a:prstGeom prst="rect">
            <a:avLst/>
          </a:prstGeom>
          <a:noFill/>
        </p:spPr>
      </p:pic>
      <p:sp>
        <p:nvSpPr>
          <p:cNvPr id="10" name="Right Arrow 9"/>
          <p:cNvSpPr/>
          <p:nvPr/>
        </p:nvSpPr>
        <p:spPr>
          <a:xfrm>
            <a:off x="3200400" y="3695700"/>
            <a:ext cx="533400" cy="304800"/>
          </a:xfrm>
          <a:prstGeom prst="rightArrow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IN"/>
          </a:p>
        </p:txBody>
      </p:sp>
      <p:sp>
        <p:nvSpPr>
          <p:cNvPr id="11" name="Right Arrow 10"/>
          <p:cNvSpPr/>
          <p:nvPr/>
        </p:nvSpPr>
        <p:spPr>
          <a:xfrm>
            <a:off x="6477000" y="3771900"/>
            <a:ext cx="533400" cy="304800"/>
          </a:xfrm>
          <a:prstGeom prst="rightArrow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IN"/>
          </a:p>
        </p:txBody>
      </p:sp>
      <p:sp useBgFill="1">
        <p:nvSpPr>
          <p:cNvPr id="12" name="Rectangle 11"/>
          <p:cNvSpPr/>
          <p:nvPr/>
        </p:nvSpPr>
        <p:spPr>
          <a:xfrm>
            <a:off x="0" y="5067300"/>
            <a:ext cx="10058400" cy="6477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IN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457200" y="1485900"/>
            <a:ext cx="4572000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ea typeface="+mj-ea"/>
                <a:cs typeface="+mj-cs"/>
              </a:rPr>
              <a:t>Remember everything</a:t>
            </a:r>
          </a:p>
          <a:p>
            <a:pPr algn="ctr"/>
            <a:endParaRPr lang="en-US" sz="2000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+mj-ea"/>
              <a:cs typeface="+mj-cs"/>
            </a:endParaRPr>
          </a:p>
          <a:p>
            <a:pPr algn="ctr"/>
            <a:r>
              <a:rPr lang="en-US" sz="2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ea typeface="+mj-ea"/>
                <a:cs typeface="+mj-cs"/>
              </a:rPr>
              <a:t>Customize notes &amp; colors</a:t>
            </a:r>
          </a:p>
          <a:p>
            <a:pPr algn="ctr"/>
            <a:endParaRPr lang="en-US" sz="2000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+mj-ea"/>
              <a:cs typeface="+mj-cs"/>
            </a:endParaRPr>
          </a:p>
          <a:p>
            <a:pPr algn="ctr"/>
            <a:r>
              <a:rPr lang="en-US" sz="2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ea typeface="+mj-ea"/>
                <a:cs typeface="+mj-cs"/>
              </a:rPr>
              <a:t>Share your notes via a public URL</a:t>
            </a:r>
            <a:endParaRPr lang="en-IN" sz="2000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+mj-ea"/>
              <a:cs typeface="+mj-cs"/>
            </a:endParaRPr>
          </a:p>
        </p:txBody>
      </p:sp>
      <p:pic>
        <p:nvPicPr>
          <p:cNvPr id="2050" name="Picture 2" descr="Skitch graphic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6096000" y="1240735"/>
            <a:ext cx="2857500" cy="2112065"/>
          </a:xfrm>
          <a:prstGeom prst="rect">
            <a:avLst/>
          </a:prstGeom>
          <a:noFill/>
        </p:spPr>
      </p:pic>
      <p:sp>
        <p:nvSpPr>
          <p:cNvPr id="7" name="TextBox 6"/>
          <p:cNvSpPr txBox="1"/>
          <p:nvPr/>
        </p:nvSpPr>
        <p:spPr>
          <a:xfrm>
            <a:off x="1905963" y="97157"/>
            <a:ext cx="5501123" cy="626743"/>
          </a:xfrm>
          <a:prstGeom prst="rect">
            <a:avLst/>
          </a:prstGeom>
          <a:noFill/>
        </p:spPr>
        <p:txBody>
          <a:bodyPr wrap="none" lIns="72042" tIns="36021" rIns="72042" bIns="36021" rtlCol="0">
            <a:spAutoFit/>
          </a:bodyPr>
          <a:lstStyle/>
          <a:p>
            <a:pPr algn="ctr"/>
            <a:r>
              <a:rPr lang="en-US" altLang="zh-CN" sz="3600" u="sng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EVERNOTE</a:t>
            </a:r>
            <a:r>
              <a:rPr lang="en-US" altLang="zh-CN" sz="36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 | </a:t>
            </a:r>
            <a:r>
              <a:rPr lang="en-US" altLang="zh-CN" sz="3600" u="sng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SKITCH</a:t>
            </a:r>
            <a:endParaRPr lang="zh-CN" altLang="en-US" sz="2400" u="sng" dirty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微软雅黑" pitchFamily="34" charset="-122"/>
            </a:endParaRPr>
          </a:p>
        </p:txBody>
      </p:sp>
      <p:pic>
        <p:nvPicPr>
          <p:cNvPr id="2052" name="Picture 4" descr="Evernote graphic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1143000" y="3390900"/>
            <a:ext cx="3052915" cy="2057400"/>
          </a:xfrm>
          <a:prstGeom prst="rect">
            <a:avLst/>
          </a:prstGeom>
          <a:noFill/>
        </p:spPr>
      </p:pic>
      <p:sp>
        <p:nvSpPr>
          <p:cNvPr id="9" name="TextBox 8"/>
          <p:cNvSpPr txBox="1"/>
          <p:nvPr/>
        </p:nvSpPr>
        <p:spPr>
          <a:xfrm>
            <a:off x="4038600" y="735568"/>
            <a:ext cx="214033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itchFamily="34" charset="0"/>
              </a:rPr>
              <a:t>Pre-Loaded Apps</a:t>
            </a:r>
            <a:endParaRPr lang="en-IN" dirty="0" smtClean="0">
              <a:solidFill>
                <a:schemeClr val="tx1">
                  <a:lumMod val="75000"/>
                  <a:lumOff val="25000"/>
                </a:schemeClr>
              </a:solidFill>
              <a:latin typeface="Century Gothic" pitchFamily="34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953000" y="3543300"/>
            <a:ext cx="4903907" cy="16312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IN" sz="2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ea typeface="+mj-ea"/>
                <a:cs typeface="+mj-cs"/>
              </a:rPr>
              <a:t>Use annotations, shapes and sketches</a:t>
            </a:r>
          </a:p>
          <a:p>
            <a:pPr algn="ctr"/>
            <a:endParaRPr lang="en-IN" sz="2000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+mj-ea"/>
              <a:cs typeface="+mj-cs"/>
            </a:endParaRPr>
          </a:p>
          <a:p>
            <a:pPr algn="ctr"/>
            <a:r>
              <a:rPr lang="en-US" sz="2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ea typeface="+mj-ea"/>
                <a:cs typeface="+mj-cs"/>
              </a:rPr>
              <a:t>Makes it easier to understand</a:t>
            </a:r>
            <a:endParaRPr lang="en-IN" sz="2000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+mj-ea"/>
              <a:cs typeface="+mj-cs"/>
            </a:endParaRPr>
          </a:p>
          <a:p>
            <a:pPr algn="ctr"/>
            <a:endParaRPr lang="en-IN" sz="2000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+mj-ea"/>
              <a:cs typeface="+mj-cs"/>
            </a:endParaRPr>
          </a:p>
          <a:p>
            <a:pPr algn="ctr"/>
            <a:r>
              <a:rPr lang="en-IN" sz="20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ea typeface="+mj-ea"/>
                <a:cs typeface="+mj-cs"/>
              </a:rPr>
              <a:t>Better communication</a:t>
            </a:r>
            <a:endParaRPr lang="en-US" sz="2000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+mj-ea"/>
              <a:cs typeface="+mj-cs"/>
            </a:endParaRPr>
          </a:p>
        </p:txBody>
      </p:sp>
    </p:spTree>
  </p:cSld>
  <p:clrMapOvr>
    <a:masterClrMapping/>
  </p:clrMapOvr>
  <p:transition>
    <p:fade thruBlk="1"/>
  </p:transition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5" name="Picture 3" descr="E:\SHIT\Serious SHIT\Models\A240-Pendin\APPS1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0" y="0"/>
            <a:ext cx="10058400" cy="5716800"/>
          </a:xfrm>
          <a:prstGeom prst="rect">
            <a:avLst/>
          </a:prstGeom>
          <a:noFill/>
        </p:spPr>
      </p:pic>
      <p:sp>
        <p:nvSpPr>
          <p:cNvPr id="14" name="Content Placeholder 2"/>
          <p:cNvSpPr txBox="1">
            <a:spLocks/>
          </p:cNvSpPr>
          <p:nvPr/>
        </p:nvSpPr>
        <p:spPr>
          <a:xfrm>
            <a:off x="7620001" y="3695700"/>
            <a:ext cx="2438400" cy="1219200"/>
          </a:xfrm>
          <a:prstGeom prst="rect">
            <a:avLst/>
          </a:prstGeom>
        </p:spPr>
        <p:txBody>
          <a:bodyPr vert="horz" lIns="100950" tIns="50475" rIns="100950" bIns="50475" rtlCol="0">
            <a:normAutofit/>
          </a:bodyPr>
          <a:lstStyle/>
          <a:p>
            <a:pPr marL="1753" indent="-1753" algn="ctr" defTabSz="1009498">
              <a:spcBef>
                <a:spcPct val="20000"/>
              </a:spcBef>
              <a:defRPr/>
            </a:pPr>
            <a:r>
              <a:rPr lang="en-US" altLang="zh-CN" sz="2400" u="sng" dirty="0" smtClean="0">
                <a:latin typeface="Sketch Block" pitchFamily="2" charset="0"/>
                <a:ea typeface="微软雅黑" pitchFamily="34" charset="-122"/>
              </a:rPr>
              <a:t>M! Zone</a:t>
            </a:r>
            <a:endParaRPr lang="en-US" sz="2400" dirty="0" smtClean="0"/>
          </a:p>
          <a:p>
            <a:pPr marL="1753" indent="-1753" algn="ctr" defTabSz="1009498">
              <a:defRPr/>
            </a:pPr>
            <a:r>
              <a:rPr lang="en-US" sz="1500" dirty="0" smtClean="0"/>
              <a:t>A collection of Jokes, Cricket content &amp; much more</a:t>
            </a:r>
            <a:endParaRPr lang="en-IN" sz="1500" dirty="0" smtClean="0"/>
          </a:p>
        </p:txBody>
      </p:sp>
      <p:sp>
        <p:nvSpPr>
          <p:cNvPr id="16" name="Content Placeholder 2"/>
          <p:cNvSpPr txBox="1">
            <a:spLocks/>
          </p:cNvSpPr>
          <p:nvPr/>
        </p:nvSpPr>
        <p:spPr>
          <a:xfrm>
            <a:off x="0" y="3714767"/>
            <a:ext cx="2438400" cy="1200133"/>
          </a:xfrm>
          <a:prstGeom prst="rect">
            <a:avLst/>
          </a:prstGeom>
        </p:spPr>
        <p:txBody>
          <a:bodyPr vert="horz" lIns="100950" tIns="50475" rIns="100950" bIns="50475" rtlCol="0">
            <a:normAutofit/>
          </a:bodyPr>
          <a:lstStyle/>
          <a:p>
            <a:pPr marL="1753" indent="-1753" algn="ctr">
              <a:spcBef>
                <a:spcPct val="20000"/>
              </a:spcBef>
              <a:defRPr/>
            </a:pPr>
            <a:r>
              <a:rPr lang="en-US" altLang="zh-CN" sz="2400" u="sng" dirty="0" smtClean="0">
                <a:latin typeface="Sketch Block" pitchFamily="2" charset="0"/>
                <a:ea typeface="微软雅黑" pitchFamily="34" charset="-122"/>
              </a:rPr>
              <a:t>M! Live</a:t>
            </a:r>
          </a:p>
          <a:p>
            <a:pPr marL="1753" indent="-1753" algn="ctr" defTabSz="1009498">
              <a:defRPr/>
            </a:pPr>
            <a:r>
              <a:rPr lang="en-US" sz="1500" dirty="0" smtClean="0"/>
              <a:t>HD games, over 5 lakh songs, Wallpapers, Videos &amp; Applications!</a:t>
            </a:r>
            <a:endParaRPr lang="en-IN" sz="1500" dirty="0" smtClean="0"/>
          </a:p>
        </p:txBody>
      </p:sp>
      <p:sp>
        <p:nvSpPr>
          <p:cNvPr id="17" name="Content Placeholder 2"/>
          <p:cNvSpPr txBox="1">
            <a:spLocks/>
          </p:cNvSpPr>
          <p:nvPr/>
        </p:nvSpPr>
        <p:spPr>
          <a:xfrm>
            <a:off x="2590800" y="3695700"/>
            <a:ext cx="2286000" cy="1752600"/>
          </a:xfrm>
          <a:prstGeom prst="rect">
            <a:avLst/>
          </a:prstGeom>
        </p:spPr>
        <p:txBody>
          <a:bodyPr vert="horz" lIns="100950" tIns="50475" rIns="100950" bIns="50475" rtlCol="0">
            <a:normAutofit/>
          </a:bodyPr>
          <a:lstStyle/>
          <a:p>
            <a:pPr marL="1753" indent="-1753" algn="ctr">
              <a:spcBef>
                <a:spcPct val="20000"/>
              </a:spcBef>
              <a:defRPr/>
            </a:pPr>
            <a:r>
              <a:rPr lang="en-US" altLang="zh-CN" sz="2400" u="sng" dirty="0" smtClean="0">
                <a:latin typeface="Sketch Block" pitchFamily="2" charset="0"/>
                <a:ea typeface="微软雅黑" pitchFamily="34" charset="-122"/>
              </a:rPr>
              <a:t>Game Hub</a:t>
            </a:r>
          </a:p>
          <a:p>
            <a:pPr marL="1753" indent="-1753" algn="ctr" defTabSz="1009498">
              <a:defRPr/>
            </a:pPr>
            <a:r>
              <a:rPr lang="en-US" sz="1500" dirty="0" smtClean="0"/>
              <a:t>Download HD games in both online &amp; offline mode. Games like Need for Speed also preloaded on Canvas 4.</a:t>
            </a:r>
            <a:endParaRPr lang="en-IN" sz="1500" dirty="0" smtClean="0"/>
          </a:p>
        </p:txBody>
      </p:sp>
      <p:sp>
        <p:nvSpPr>
          <p:cNvPr id="18" name="Content Placeholder 2"/>
          <p:cNvSpPr txBox="1">
            <a:spLocks/>
          </p:cNvSpPr>
          <p:nvPr/>
        </p:nvSpPr>
        <p:spPr>
          <a:xfrm>
            <a:off x="5105401" y="3695700"/>
            <a:ext cx="2286000" cy="1828800"/>
          </a:xfrm>
          <a:prstGeom prst="rect">
            <a:avLst/>
          </a:prstGeom>
        </p:spPr>
        <p:txBody>
          <a:bodyPr vert="horz" lIns="100950" tIns="50475" rIns="100950" bIns="50475" rtlCol="0">
            <a:normAutofit/>
          </a:bodyPr>
          <a:lstStyle/>
          <a:p>
            <a:pPr marL="1753" indent="-1753" algn="ctr" defTabSz="1009498">
              <a:spcBef>
                <a:spcPct val="20000"/>
              </a:spcBef>
              <a:defRPr/>
            </a:pPr>
            <a:r>
              <a:rPr lang="en-US" altLang="zh-CN" sz="2400" u="sng" dirty="0" smtClean="0">
                <a:latin typeface="Sketch Block" pitchFamily="2" charset="0"/>
                <a:ea typeface="微软雅黑" pitchFamily="34" charset="-122"/>
              </a:rPr>
              <a:t>M! Security</a:t>
            </a:r>
          </a:p>
          <a:p>
            <a:pPr marL="1753" indent="-1753" algn="ctr" defTabSz="1009498">
              <a:defRPr/>
            </a:pPr>
            <a:r>
              <a:rPr lang="en-US" sz="1500" dirty="0" smtClean="0"/>
              <a:t>Security solutions for all your handset including Backup, Anti-Theft tracker, Anti-Virus &amp; Optimization</a:t>
            </a:r>
            <a:endParaRPr lang="en-IN" sz="1500" dirty="0" smtClean="0"/>
          </a:p>
        </p:txBody>
      </p:sp>
      <p:pic>
        <p:nvPicPr>
          <p:cNvPr id="4101" name="Picture 5" descr="E:\SHIT\Serious SHIT\Models\A210-Canvas 4\Security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5029200" y="0"/>
            <a:ext cx="2590800" cy="2857500"/>
          </a:xfrm>
          <a:prstGeom prst="rect">
            <a:avLst/>
          </a:prstGeom>
          <a:noFill/>
        </p:spPr>
      </p:pic>
      <p:pic>
        <p:nvPicPr>
          <p:cNvPr id="4102" name="Picture 6" descr="E:\SHIT\Serious SHIT\Models\A210-Canvas 4\Game Hub.jp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2514600" y="0"/>
            <a:ext cx="2514600" cy="2857500"/>
          </a:xfrm>
          <a:prstGeom prst="rect">
            <a:avLst/>
          </a:prstGeom>
          <a:noFill/>
        </p:spPr>
      </p:pic>
      <p:pic>
        <p:nvPicPr>
          <p:cNvPr id="4104" name="Picture 8" descr="E:\SHIT\Serious SHIT\Models\A210-Canvas 4\M! Live.png"/>
          <p:cNvPicPr>
            <a:picLocks noChangeAspect="1" noChangeArrowheads="1"/>
          </p:cNvPicPr>
          <p:nvPr/>
        </p:nvPicPr>
        <p:blipFill>
          <a:blip r:embed="rId5" cstate="email"/>
          <a:srcRect/>
          <a:stretch>
            <a:fillRect/>
          </a:stretch>
        </p:blipFill>
        <p:spPr bwMode="auto">
          <a:xfrm>
            <a:off x="0" y="1"/>
            <a:ext cx="2514599" cy="2857499"/>
          </a:xfrm>
          <a:prstGeom prst="rect">
            <a:avLst/>
          </a:prstGeom>
          <a:noFill/>
        </p:spPr>
      </p:pic>
      <p:pic>
        <p:nvPicPr>
          <p:cNvPr id="3074" name="Picture 2" descr="E:\SHIT\Serious SHIT\Models\A240-Pendin\Mi Zone screenshot.png"/>
          <p:cNvPicPr>
            <a:picLocks noChangeAspect="1" noChangeArrowheads="1"/>
          </p:cNvPicPr>
          <p:nvPr/>
        </p:nvPicPr>
        <p:blipFill>
          <a:blip r:embed="rId6" cstate="email"/>
          <a:srcRect/>
          <a:stretch>
            <a:fillRect/>
          </a:stretch>
        </p:blipFill>
        <p:spPr bwMode="auto">
          <a:xfrm>
            <a:off x="7620000" y="0"/>
            <a:ext cx="2438400" cy="2857500"/>
          </a:xfrm>
          <a:prstGeom prst="rect">
            <a:avLst/>
          </a:prstGeom>
          <a:noFill/>
        </p:spPr>
      </p:pic>
    </p:spTree>
  </p:cSld>
  <p:clrMapOvr>
    <a:masterClrMapping/>
  </p:clrMapOvr>
  <p:transition>
    <p:fade thruBlk="1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4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500"/>
                                        <p:tgtEl>
                                          <p:spTgt spid="1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500"/>
                                        <p:tgtEl>
                                          <p:spTgt spid="1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500"/>
                            </p:stCondLst>
                            <p:childTnLst>
                              <p:par>
                                <p:cTn id="1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2000"/>
                                        <p:tgtEl>
                                          <p:spTgt spid="41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2800"/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2800"/>
                                        <p:tgtEl>
                                          <p:spTgt spid="1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5300"/>
                            </p:stCondLst>
                            <p:childTnLst>
                              <p:par>
                                <p:cTn id="2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2000"/>
                                        <p:tgtEl>
                                          <p:spTgt spid="4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2900"/>
                                        <p:tgtEl>
                                          <p:spTgt spid="1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2700"/>
                                        <p:tgtEl>
                                          <p:spTgt spid="1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8200"/>
                            </p:stCondLst>
                            <p:childTnLst>
                              <p:par>
                                <p:cTn id="3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2000"/>
                                        <p:tgtEl>
                                          <p:spTgt spid="3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270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2800"/>
                                        <p:tgtEl>
                                          <p:spTgt spid="1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uiExpand="1" build="p"/>
      <p:bldP spid="16" grpId="0" uiExpand="1" build="p"/>
      <p:bldP spid="17" grpId="0" uiExpand="1" build="p"/>
      <p:bldP spid="18" grpId="0" uiExpand="1" build="p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" descr="D:\Coco_Work\2012\产品\S9301\产品培训\未标题-12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1179662" y="2324100"/>
            <a:ext cx="7854111" cy="868303"/>
          </a:xfrm>
          <a:prstGeom prst="rect">
            <a:avLst/>
          </a:prstGeom>
          <a:noFill/>
        </p:spPr>
      </p:pic>
      <p:pic>
        <p:nvPicPr>
          <p:cNvPr id="3" name="Picture 3" descr="D:\Coco_Work\2012\产品\S9301\产品培训\Untitled-5.pn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590404" y="2636060"/>
            <a:ext cx="9163196" cy="155359"/>
          </a:xfrm>
          <a:prstGeom prst="rect">
            <a:avLst/>
          </a:prstGeom>
          <a:noFill/>
        </p:spPr>
      </p:pic>
      <p:sp>
        <p:nvSpPr>
          <p:cNvPr id="7" name="TextBox 6"/>
          <p:cNvSpPr txBox="1"/>
          <p:nvPr/>
        </p:nvSpPr>
        <p:spPr>
          <a:xfrm>
            <a:off x="3124200" y="3467100"/>
            <a:ext cx="4049507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spc="3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EXQUISITE </a:t>
            </a:r>
            <a:r>
              <a:rPr lang="en-US" sz="32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Sketch Block" pitchFamily="2" charset="0"/>
              </a:rPr>
              <a:t>DESIGN</a:t>
            </a:r>
            <a:endParaRPr lang="en-US" sz="2400" dirty="0">
              <a:solidFill>
                <a:schemeClr val="tx1">
                  <a:lumMod val="95000"/>
                  <a:lumOff val="5000"/>
                </a:schemeClr>
              </a:solidFill>
              <a:latin typeface="Sketch Block" pitchFamily="2" charset="0"/>
            </a:endParaRPr>
          </a:p>
        </p:txBody>
      </p:sp>
      <p:pic>
        <p:nvPicPr>
          <p:cNvPr id="5" name="Picture 3" descr="E:\SHIT\Serious SHIT\Models\A240-Pendin\Doodle-2-logo.png"/>
          <p:cNvPicPr>
            <a:picLocks noChangeAspect="1" noChangeArrowheads="1"/>
          </p:cNvPicPr>
          <p:nvPr/>
        </p:nvPicPr>
        <p:blipFill>
          <a:blip r:embed="rId5" cstate="email"/>
          <a:srcRect/>
          <a:stretch>
            <a:fillRect/>
          </a:stretch>
        </p:blipFill>
        <p:spPr bwMode="auto">
          <a:xfrm>
            <a:off x="8686800" y="5295900"/>
            <a:ext cx="1200279" cy="381000"/>
          </a:xfrm>
          <a:prstGeom prst="rect">
            <a:avLst/>
          </a:prstGeom>
          <a:noFill/>
        </p:spPr>
      </p:pic>
      <p:sp>
        <p:nvSpPr>
          <p:cNvPr id="6" name="TextBox 5"/>
          <p:cNvSpPr txBox="1"/>
          <p:nvPr/>
        </p:nvSpPr>
        <p:spPr>
          <a:xfrm>
            <a:off x="3283982" y="2076390"/>
            <a:ext cx="918841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spc="3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Century Gothic" pitchFamily="34" charset="0"/>
              </a:rPr>
              <a:t>Slim.</a:t>
            </a:r>
            <a:endParaRPr lang="en-US" sz="2000" spc="300" dirty="0">
              <a:solidFill>
                <a:schemeClr val="tx1">
                  <a:lumMod val="85000"/>
                  <a:lumOff val="15000"/>
                </a:schemeClr>
              </a:solidFill>
              <a:latin typeface="Century Gothic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4086257" y="2076390"/>
            <a:ext cx="105670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spc="3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Century Gothic" pitchFamily="34" charset="0"/>
              </a:rPr>
              <a:t>Style.</a:t>
            </a:r>
            <a:endParaRPr lang="en-US" sz="2000" spc="300" dirty="0">
              <a:solidFill>
                <a:schemeClr val="tx1">
                  <a:lumMod val="85000"/>
                  <a:lumOff val="15000"/>
                </a:schemeClr>
              </a:solidFill>
              <a:latin typeface="Century Gothic" pitchFamily="34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5076857" y="2076390"/>
            <a:ext cx="193354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spc="300" dirty="0" smtClean="0">
                <a:solidFill>
                  <a:schemeClr val="tx1">
                    <a:lumMod val="85000"/>
                    <a:lumOff val="15000"/>
                  </a:schemeClr>
                </a:solidFill>
                <a:latin typeface="Century Gothic" pitchFamily="34" charset="0"/>
              </a:rPr>
              <a:t>Statement.</a:t>
            </a:r>
            <a:endParaRPr lang="en-US" sz="2000" spc="300" dirty="0">
              <a:solidFill>
                <a:schemeClr val="tx1">
                  <a:lumMod val="85000"/>
                  <a:lumOff val="15000"/>
                </a:schemeClr>
              </a:solidFill>
              <a:latin typeface="Century Gothic" pitchFamily="34" charset="0"/>
            </a:endParaRPr>
          </a:p>
        </p:txBody>
      </p:sp>
      <p:sp>
        <p:nvSpPr>
          <p:cNvPr id="10" name="Left Brace 9"/>
          <p:cNvSpPr/>
          <p:nvPr/>
        </p:nvSpPr>
        <p:spPr>
          <a:xfrm>
            <a:off x="990600" y="2476500"/>
            <a:ext cx="228600" cy="457200"/>
          </a:xfrm>
          <a:prstGeom prst="leftBrace">
            <a:avLst/>
          </a:prstGeom>
          <a:ln>
            <a:solidFill>
              <a:schemeClr val="bg1">
                <a:lumMod val="65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IN"/>
          </a:p>
        </p:txBody>
      </p:sp>
      <p:sp>
        <p:nvSpPr>
          <p:cNvPr id="11" name="TextBox 10"/>
          <p:cNvSpPr txBox="1"/>
          <p:nvPr/>
        </p:nvSpPr>
        <p:spPr>
          <a:xfrm>
            <a:off x="76200" y="2549723"/>
            <a:ext cx="962123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spc="3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</a:rPr>
              <a:t>9.3mm</a:t>
            </a:r>
            <a:endParaRPr lang="en-US" sz="1400" spc="300" dirty="0">
              <a:solidFill>
                <a:schemeClr val="bg1">
                  <a:lumMod val="50000"/>
                </a:schemeClr>
              </a:solidFill>
              <a:latin typeface="Century Gothic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2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2000"/>
                            </p:stCondLst>
                            <p:childTnLst>
                              <p:par>
                                <p:cTn id="9" presetID="10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0" dur="3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2999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grpId="0" nodeType="withEffect">
                                  <p:stCondLst>
                                    <p:cond delay="260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2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350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7500"/>
                            </p:stCondLst>
                            <p:childTnLst>
                              <p:par>
                                <p:cTn id="2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7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4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5" dur="2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9500"/>
                            </p:stCondLst>
                            <p:childTnLst>
                              <p:par>
                                <p:cTn id="3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2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6" grpId="0"/>
      <p:bldP spid="8" grpId="0"/>
      <p:bldP spid="9" grpId="0"/>
      <p:bldP spid="10" grpId="0" animBg="1"/>
      <p:bldP spid="10" grpId="1" animBg="1"/>
      <p:bldP spid="11" grpId="0"/>
      <p:bldP spid="11" grpId="1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3" descr="E:\SHIT\Serious SHIT\Models\A240-Pendin\APPS1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0" y="0"/>
            <a:ext cx="10058400" cy="5716800"/>
          </a:xfrm>
          <a:prstGeom prst="rect">
            <a:avLst/>
          </a:prstGeom>
          <a:noFill/>
        </p:spPr>
      </p:pic>
      <p:sp>
        <p:nvSpPr>
          <p:cNvPr id="14" name="Content Placeholder 2"/>
          <p:cNvSpPr txBox="1">
            <a:spLocks/>
          </p:cNvSpPr>
          <p:nvPr/>
        </p:nvSpPr>
        <p:spPr>
          <a:xfrm>
            <a:off x="7620001" y="266700"/>
            <a:ext cx="2438400" cy="1828800"/>
          </a:xfrm>
          <a:prstGeom prst="rect">
            <a:avLst/>
          </a:prstGeom>
        </p:spPr>
        <p:txBody>
          <a:bodyPr vert="horz" lIns="100950" tIns="50475" rIns="100950" bIns="50475" rtlCol="0">
            <a:normAutofit fontScale="55000" lnSpcReduction="20000"/>
          </a:bodyPr>
          <a:lstStyle/>
          <a:p>
            <a:pPr marL="1753" indent="-1753" algn="ctr" defTabSz="1009498">
              <a:spcBef>
                <a:spcPct val="20000"/>
              </a:spcBef>
              <a:defRPr/>
            </a:pPr>
            <a:r>
              <a:rPr lang="en-US" altLang="zh-CN" sz="4400" u="sng" dirty="0" err="1" smtClean="0">
                <a:latin typeface="Sketch Block" pitchFamily="2" charset="0"/>
                <a:ea typeface="微软雅黑" pitchFamily="34" charset="-122"/>
              </a:rPr>
              <a:t>KingSoft</a:t>
            </a:r>
            <a:r>
              <a:rPr lang="en-US" altLang="zh-CN" sz="4400" u="sng" dirty="0" smtClean="0">
                <a:latin typeface="Sketch Block" pitchFamily="2" charset="0"/>
                <a:ea typeface="微软雅黑" pitchFamily="34" charset="-122"/>
              </a:rPr>
              <a:t> Office Suite</a:t>
            </a:r>
          </a:p>
          <a:p>
            <a:pPr marL="1753" indent="-1753" algn="ctr" defTabSz="1009498">
              <a:defRPr/>
            </a:pPr>
            <a:r>
              <a:rPr lang="en-US" altLang="zh-CN" sz="3300" dirty="0" smtClean="0"/>
              <a:t>View &amp; edit your official documents with MS Word, PowerPoint, Excel &amp; PDF docs</a:t>
            </a:r>
            <a:endParaRPr lang="en-IN" altLang="zh-CN" sz="3300" dirty="0" smtClean="0"/>
          </a:p>
        </p:txBody>
      </p:sp>
      <p:sp>
        <p:nvSpPr>
          <p:cNvPr id="16" name="Content Placeholder 2"/>
          <p:cNvSpPr txBox="1">
            <a:spLocks/>
          </p:cNvSpPr>
          <p:nvPr/>
        </p:nvSpPr>
        <p:spPr>
          <a:xfrm>
            <a:off x="0" y="190500"/>
            <a:ext cx="2514600" cy="1733533"/>
          </a:xfrm>
          <a:prstGeom prst="rect">
            <a:avLst/>
          </a:prstGeom>
        </p:spPr>
        <p:txBody>
          <a:bodyPr vert="horz" lIns="100950" tIns="50475" rIns="100950" bIns="50475" rtlCol="0">
            <a:noAutofit/>
          </a:bodyPr>
          <a:lstStyle/>
          <a:p>
            <a:pPr marL="1753" indent="-1753" algn="ctr">
              <a:buNone/>
            </a:pPr>
            <a:r>
              <a:rPr lang="en-US" altLang="zh-CN" sz="2800" u="sng" dirty="0" err="1" smtClean="0">
                <a:latin typeface="Sketch Block" pitchFamily="2" charset="0"/>
                <a:ea typeface="微软雅黑" pitchFamily="34" charset="-122"/>
              </a:rPr>
              <a:t>Foneclay</a:t>
            </a:r>
            <a:endParaRPr lang="en-US" altLang="zh-CN" sz="2800" u="sng" dirty="0" smtClean="0">
              <a:latin typeface="Sketch Block" pitchFamily="2" charset="0"/>
              <a:ea typeface="微软雅黑" pitchFamily="34" charset="-122"/>
            </a:endParaRPr>
          </a:p>
          <a:p>
            <a:pPr marL="1753" indent="-1753" algn="ctr">
              <a:spcBef>
                <a:spcPts val="0"/>
              </a:spcBef>
              <a:buNone/>
            </a:pPr>
            <a:r>
              <a:rPr lang="en-US" sz="1600" dirty="0" smtClean="0"/>
              <a:t>Superb collection of Wallpapers &amp; themes to match your personality</a:t>
            </a:r>
            <a:endParaRPr lang="en-IN" sz="1600" dirty="0" smtClean="0"/>
          </a:p>
        </p:txBody>
      </p:sp>
      <p:sp>
        <p:nvSpPr>
          <p:cNvPr id="17" name="Content Placeholder 2"/>
          <p:cNvSpPr txBox="1">
            <a:spLocks/>
          </p:cNvSpPr>
          <p:nvPr/>
        </p:nvSpPr>
        <p:spPr>
          <a:xfrm>
            <a:off x="2590800" y="247633"/>
            <a:ext cx="2286000" cy="1752600"/>
          </a:xfrm>
          <a:prstGeom prst="rect">
            <a:avLst/>
          </a:prstGeom>
        </p:spPr>
        <p:txBody>
          <a:bodyPr vert="horz" lIns="100950" tIns="50475" rIns="100950" bIns="50475" rtlCol="0">
            <a:normAutofit/>
          </a:bodyPr>
          <a:lstStyle/>
          <a:p>
            <a:pPr marL="1753" indent="-1753" algn="ctr" defTabSz="1009498">
              <a:spcBef>
                <a:spcPct val="20000"/>
              </a:spcBef>
              <a:defRPr/>
            </a:pPr>
            <a:r>
              <a:rPr lang="en-US" altLang="zh-CN" sz="2400" u="sng" dirty="0" smtClean="0">
                <a:latin typeface="Sketch Block" pitchFamily="2" charset="0"/>
                <a:ea typeface="微软雅黑" pitchFamily="34" charset="-122"/>
              </a:rPr>
              <a:t>Hike</a:t>
            </a:r>
          </a:p>
          <a:p>
            <a:pPr marL="1753" indent="-1753" algn="ctr" defTabSz="1009498">
              <a:spcBef>
                <a:spcPct val="20000"/>
              </a:spcBef>
              <a:defRPr/>
            </a:pPr>
            <a:r>
              <a:rPr lang="en-US" dirty="0" smtClean="0"/>
              <a:t>Chat endlessly without any cost with this app</a:t>
            </a:r>
            <a:endParaRPr lang="en-IN" dirty="0" smtClean="0"/>
          </a:p>
        </p:txBody>
      </p:sp>
      <p:sp>
        <p:nvSpPr>
          <p:cNvPr id="18" name="Content Placeholder 2"/>
          <p:cNvSpPr txBox="1">
            <a:spLocks/>
          </p:cNvSpPr>
          <p:nvPr/>
        </p:nvSpPr>
        <p:spPr>
          <a:xfrm>
            <a:off x="5181600" y="266700"/>
            <a:ext cx="2286000" cy="2514599"/>
          </a:xfrm>
          <a:prstGeom prst="rect">
            <a:avLst/>
          </a:prstGeom>
        </p:spPr>
        <p:txBody>
          <a:bodyPr vert="horz" lIns="100950" tIns="50475" rIns="100950" bIns="50475" rtlCol="0">
            <a:normAutofit fontScale="40000" lnSpcReduction="20000"/>
          </a:bodyPr>
          <a:lstStyle/>
          <a:p>
            <a:pPr marL="1753" indent="-1753" algn="ctr" defTabSz="1009498">
              <a:spcBef>
                <a:spcPct val="20000"/>
              </a:spcBef>
              <a:defRPr/>
            </a:pPr>
            <a:r>
              <a:rPr lang="en-US" altLang="zh-CN" sz="6000" u="sng" dirty="0" err="1" smtClean="0">
                <a:latin typeface="Sketch Block" pitchFamily="2" charset="0"/>
                <a:ea typeface="微软雅黑" pitchFamily="34" charset="-122"/>
              </a:rPr>
              <a:t>Spuul</a:t>
            </a:r>
            <a:endParaRPr lang="en-US" altLang="zh-CN" sz="6000" u="sng" dirty="0" smtClean="0">
              <a:latin typeface="Sketch Block" pitchFamily="2" charset="0"/>
              <a:ea typeface="微软雅黑" pitchFamily="34" charset="-122"/>
            </a:endParaRPr>
          </a:p>
          <a:p>
            <a:pPr marL="1753" indent="-1753" algn="ctr" defTabSz="1009498">
              <a:defRPr/>
            </a:pPr>
            <a:r>
              <a:rPr lang="en-US" altLang="zh-CN" sz="4500" dirty="0" smtClean="0"/>
              <a:t>A streaming service for </a:t>
            </a:r>
            <a:r>
              <a:rPr lang="en-US" altLang="zh-CN" sz="4500" dirty="0" err="1" smtClean="0"/>
              <a:t>Bollywood</a:t>
            </a:r>
            <a:r>
              <a:rPr lang="en-US" altLang="zh-CN" sz="4500" dirty="0" smtClean="0"/>
              <a:t> Blockbusters &amp; Classic Indian movies &amp; TV shows. Users can sign in via </a:t>
            </a:r>
            <a:r>
              <a:rPr lang="en-US" altLang="zh-CN" sz="4500" dirty="0" err="1" smtClean="0"/>
              <a:t>Facebook</a:t>
            </a:r>
            <a:r>
              <a:rPr lang="en-US" altLang="zh-CN" sz="4500" dirty="0" smtClean="0"/>
              <a:t> or Email accounts &amp; watch movies on the go.</a:t>
            </a:r>
            <a:endParaRPr lang="en-IN" altLang="zh-CN" sz="4500" dirty="0" smtClean="0"/>
          </a:p>
        </p:txBody>
      </p:sp>
      <p:pic>
        <p:nvPicPr>
          <p:cNvPr id="4099" name="Picture 3" descr="E:\SHIT\Serious SHIT\Models\A240-Pendin\kingsoft.jp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7620000" y="2857499"/>
            <a:ext cx="2438400" cy="2857501"/>
          </a:xfrm>
          <a:prstGeom prst="rect">
            <a:avLst/>
          </a:prstGeom>
          <a:noFill/>
        </p:spPr>
      </p:pic>
      <p:pic>
        <p:nvPicPr>
          <p:cNvPr id="4100" name="Picture 4" descr="E:\SHIT\Serious SHIT\Models\A210-Canvas 4\spuul2.jp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5029200" y="2857500"/>
            <a:ext cx="2590800" cy="2857500"/>
          </a:xfrm>
          <a:prstGeom prst="rect">
            <a:avLst/>
          </a:prstGeom>
          <a:noFill/>
        </p:spPr>
      </p:pic>
      <p:pic>
        <p:nvPicPr>
          <p:cNvPr id="4103" name="Picture 7" descr="E:\SHIT\Serious SHIT\Models\A210-Canvas 4\foneclay2.png"/>
          <p:cNvPicPr>
            <a:picLocks noChangeAspect="1" noChangeArrowheads="1"/>
          </p:cNvPicPr>
          <p:nvPr/>
        </p:nvPicPr>
        <p:blipFill>
          <a:blip r:embed="rId5" cstate="email"/>
          <a:srcRect/>
          <a:stretch>
            <a:fillRect/>
          </a:stretch>
        </p:blipFill>
        <p:spPr bwMode="auto">
          <a:xfrm>
            <a:off x="0" y="2857500"/>
            <a:ext cx="2514599" cy="2857499"/>
          </a:xfrm>
          <a:prstGeom prst="rect">
            <a:avLst/>
          </a:prstGeom>
          <a:noFill/>
        </p:spPr>
      </p:pic>
      <p:pic>
        <p:nvPicPr>
          <p:cNvPr id="4105" name="Picture 9" descr="E:\SHIT\Serious SHIT\Models\A210-Canvas 4\hike10.png"/>
          <p:cNvPicPr>
            <a:picLocks noChangeAspect="1" noChangeArrowheads="1"/>
          </p:cNvPicPr>
          <p:nvPr/>
        </p:nvPicPr>
        <p:blipFill>
          <a:blip r:embed="rId6" cstate="email"/>
          <a:srcRect/>
          <a:stretch>
            <a:fillRect/>
          </a:stretch>
        </p:blipFill>
        <p:spPr bwMode="auto">
          <a:xfrm>
            <a:off x="2514600" y="2857500"/>
            <a:ext cx="2514600" cy="2857500"/>
          </a:xfrm>
          <a:prstGeom prst="rect">
            <a:avLst/>
          </a:prstGeom>
          <a:noFill/>
        </p:spPr>
      </p:pic>
    </p:spTree>
  </p:cSld>
  <p:clrMapOvr>
    <a:masterClrMapping/>
  </p:clrMapOvr>
  <p:transition>
    <p:fade thruBlk="1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4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500"/>
                                        <p:tgtEl>
                                          <p:spTgt spid="1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500"/>
                                        <p:tgtEl>
                                          <p:spTgt spid="1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500"/>
                            </p:stCondLst>
                            <p:childTnLst>
                              <p:par>
                                <p:cTn id="1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4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2000"/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2000"/>
                                        <p:tgtEl>
                                          <p:spTgt spid="1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4500"/>
                            </p:stCondLst>
                            <p:childTnLst>
                              <p:par>
                                <p:cTn id="2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4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2000"/>
                                        <p:tgtEl>
                                          <p:spTgt spid="1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2000"/>
                                        <p:tgtEl>
                                          <p:spTgt spid="1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6500"/>
                            </p:stCondLst>
                            <p:childTnLst>
                              <p:par>
                                <p:cTn id="3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40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2000"/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2000"/>
                                        <p:tgtEl>
                                          <p:spTgt spid="1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build="p"/>
      <p:bldP spid="16" grpId="0" build="p"/>
      <p:bldP spid="17" grpId="0" build="p"/>
      <p:bldP spid="18" grpId="0" build="p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46000">
              <a:schemeClr val="bg1">
                <a:lumMod val="95000"/>
              </a:schemeClr>
            </a:gs>
            <a:gs pos="79000">
              <a:schemeClr val="bg1">
                <a:lumMod val="75000"/>
                <a:alpha val="45000"/>
              </a:schemeClr>
            </a:gs>
            <a:gs pos="100000">
              <a:schemeClr val="tx1">
                <a:lumMod val="50000"/>
                <a:lumOff val="50000"/>
                <a:alpha val="61000"/>
              </a:schemeClr>
            </a:gs>
          </a:gsLst>
          <a:path path="circle">
            <a:fillToRect l="100000" t="100000"/>
          </a:path>
          <a:tileRect r="-100000" b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295400" y="3695700"/>
            <a:ext cx="9144000" cy="2324100"/>
          </a:xfrm>
        </p:spPr>
        <p:txBody>
          <a:bodyPr>
            <a:noAutofit/>
          </a:bodyPr>
          <a:lstStyle/>
          <a:p>
            <a:pPr>
              <a:buNone/>
            </a:pPr>
            <a:r>
              <a:rPr lang="en-US" sz="166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Impact" pitchFamily="34" charset="0"/>
              </a:rPr>
              <a:t>Thank You</a:t>
            </a:r>
            <a:endParaRPr lang="en-IN" sz="16600" dirty="0">
              <a:solidFill>
                <a:schemeClr val="tx1">
                  <a:lumMod val="50000"/>
                  <a:lumOff val="50000"/>
                </a:schemeClr>
              </a:solidFill>
              <a:latin typeface="Impact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870782" y="4160462"/>
            <a:ext cx="5108409" cy="1177313"/>
          </a:xfrm>
        </p:spPr>
        <p:txBody>
          <a:bodyPr>
            <a:noAutofit/>
          </a:bodyPr>
          <a:lstStyle/>
          <a:p>
            <a:pPr marL="1753" indent="-1753" algn="r">
              <a:lnSpc>
                <a:spcPct val="150000"/>
              </a:lnSpc>
              <a:buNone/>
            </a:pPr>
            <a:r>
              <a:rPr lang="en-US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itchFamily="34" charset="0"/>
              </a:rPr>
              <a:t>SIMPLY </a:t>
            </a:r>
            <a:r>
              <a:rPr lang="en-US" sz="24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Sketch Block" pitchFamily="2" charset="0"/>
              </a:rPr>
              <a:t>BLOW</a:t>
            </a:r>
            <a:r>
              <a:rPr lang="en-US" sz="1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itchFamily="34" charset="0"/>
              </a:rPr>
              <a:t> </a:t>
            </a:r>
            <a:r>
              <a:rPr lang="en-US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itchFamily="34" charset="0"/>
              </a:rPr>
              <a:t>ONTO THE SCREEN OR </a:t>
            </a:r>
            <a:r>
              <a:rPr lang="en-US" sz="2400" dirty="0" smtClean="0">
                <a:solidFill>
                  <a:schemeClr val="tx1">
                    <a:lumMod val="95000"/>
                    <a:lumOff val="5000"/>
                  </a:schemeClr>
                </a:solidFill>
                <a:latin typeface="Sketch Block" pitchFamily="2" charset="0"/>
              </a:rPr>
              <a:t>SHAKE</a:t>
            </a:r>
            <a:r>
              <a:rPr lang="en-US" sz="22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itchFamily="34" charset="0"/>
              </a:rPr>
              <a:t> THE HANDSET</a:t>
            </a:r>
            <a:endParaRPr lang="en-IN" sz="2200" dirty="0" smtClean="0">
              <a:solidFill>
                <a:schemeClr val="tx1">
                  <a:lumMod val="75000"/>
                  <a:lumOff val="25000"/>
                </a:schemeClr>
              </a:solidFill>
              <a:latin typeface="Century Gothic" pitchFamily="34" charset="0"/>
            </a:endParaRPr>
          </a:p>
        </p:txBody>
      </p:sp>
      <p:pic>
        <p:nvPicPr>
          <p:cNvPr id="17409" name="Picture 1" descr="E:\SHIT\Serious SHIT\Models\A240-Pendin\blow-to-unlock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457200" y="190500"/>
            <a:ext cx="4648200" cy="5498218"/>
          </a:xfrm>
          <a:prstGeom prst="rect">
            <a:avLst/>
          </a:prstGeom>
          <a:noFill/>
        </p:spPr>
      </p:pic>
    </p:spTree>
  </p:cSld>
  <p:clrMapOvr>
    <a:masterClrMapping/>
  </p:clrMapOvr>
  <p:transition>
    <p:fade thruBlk="1"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5"/>
          <p:cNvSpPr txBox="1"/>
          <p:nvPr/>
        </p:nvSpPr>
        <p:spPr>
          <a:xfrm>
            <a:off x="1371456" y="1223546"/>
            <a:ext cx="395653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  <a:latin typeface="Century Gothic" pitchFamily="34" charset="0"/>
              </a:rPr>
              <a:t>PRECISION ENGINEERED SMARTPHONE</a:t>
            </a:r>
            <a:endParaRPr lang="en-US" sz="1600" dirty="0">
              <a:solidFill>
                <a:schemeClr val="bg1"/>
              </a:solidFill>
              <a:latin typeface="Century Gothic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533400" y="621149"/>
            <a:ext cx="4876656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  <a:latin typeface="Century Gothic" pitchFamily="34" charset="0"/>
              </a:rPr>
              <a:t>5.7 INCH HD IPS SCREEN</a:t>
            </a:r>
            <a:endParaRPr lang="en-US" sz="3200" dirty="0">
              <a:solidFill>
                <a:schemeClr val="bg1"/>
              </a:solidFill>
              <a:latin typeface="Century Gothic" pitchFamily="34" charset="0"/>
            </a:endParaRPr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0" y="1971098"/>
            <a:ext cx="9067800" cy="37439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1" name="Picture 3" descr="D:\Coco_Work\2012\产品\S9301\产品培训\未标题-22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1796873" y="3156837"/>
            <a:ext cx="8034388" cy="2215263"/>
          </a:xfrm>
          <a:prstGeom prst="rect">
            <a:avLst/>
          </a:prstGeom>
          <a:noFill/>
        </p:spPr>
      </p:pic>
      <p:pic>
        <p:nvPicPr>
          <p:cNvPr id="12" name="Picture 3" descr="D:\ARNAB BACKUP\PRODUCT PRESENTATIONS\2013\JULY 2013\DEALERS MEET\ANDROID\A240\A240\Picture13 copy.pn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1752600" y="2400300"/>
            <a:ext cx="8072151" cy="2210484"/>
          </a:xfrm>
          <a:prstGeom prst="rect">
            <a:avLst/>
          </a:prstGeom>
          <a:noFill/>
        </p:spPr>
      </p:pic>
      <p:sp>
        <p:nvSpPr>
          <p:cNvPr id="13" name="TextBox 12"/>
          <p:cNvSpPr txBox="1"/>
          <p:nvPr/>
        </p:nvSpPr>
        <p:spPr>
          <a:xfrm>
            <a:off x="2097072" y="1900654"/>
            <a:ext cx="3236784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  <a:latin typeface="Century Gothic" pitchFamily="34" charset="0"/>
              </a:rPr>
              <a:t>EXCELLENT TOUCH EXPERIENCE</a:t>
            </a:r>
            <a:endParaRPr lang="en-US" sz="1600" dirty="0">
              <a:solidFill>
                <a:schemeClr val="bg1"/>
              </a:solidFill>
              <a:latin typeface="Century Gothic" pitchFamily="34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447800" y="1562100"/>
            <a:ext cx="387157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  <a:latin typeface="Century Gothic" pitchFamily="34" charset="0"/>
              </a:rPr>
              <a:t>SCREEN RESOLUTION: 1280*720 PIXELS</a:t>
            </a:r>
            <a:endParaRPr lang="en-US" sz="1600" dirty="0">
              <a:solidFill>
                <a:schemeClr val="bg1"/>
              </a:solidFill>
              <a:latin typeface="Century Gothic" pitchFamily="34" charset="0"/>
            </a:endParaRPr>
          </a:p>
        </p:txBody>
      </p:sp>
    </p:spTree>
  </p:cSld>
  <p:clrMapOvr>
    <a:masterClrMapping/>
  </p:clrMapOvr>
  <p:transition>
    <p:fade thruBlk="1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12" dur="4000" fill="hold"/>
                                        <p:tgtEl>
                                          <p:spTgt spid="10"/>
                                        </p:tgtEl>
                                      </p:cBhvr>
                                      <p:by x="120000" y="12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6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42" presetClass="entr" presetSubtype="0" fill="hold" nodeType="withEffect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23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23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23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26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26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13" grpId="0"/>
      <p:bldP spid="9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bg1">
                <a:lumMod val="95000"/>
              </a:schemeClr>
            </a:gs>
            <a:gs pos="52000">
              <a:schemeClr val="bg1">
                <a:lumMod val="85000"/>
                <a:alpha val="42000"/>
              </a:schemeClr>
            </a:gs>
            <a:gs pos="80000">
              <a:schemeClr val="tx1">
                <a:lumMod val="50000"/>
                <a:lumOff val="50000"/>
                <a:alpha val="26000"/>
              </a:schemeClr>
            </a:gs>
          </a:gsLst>
          <a:path path="circle">
            <a:fillToRect l="50000" t="50000" r="50000" b="50000"/>
          </a:path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6" descr="D:\Coco_Work\2012\产品\S9301\产品培训\未标题-4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4787464" y="342900"/>
            <a:ext cx="5281624" cy="5715000"/>
          </a:xfrm>
          <a:prstGeom prst="rect">
            <a:avLst/>
          </a:prstGeom>
          <a:noFill/>
        </p:spPr>
      </p:pic>
      <p:pic>
        <p:nvPicPr>
          <p:cNvPr id="8" name="Picture 3" descr="E:\QFQXM\2013\s6041\PPT文件\第4页-2.png"/>
          <p:cNvPicPr>
            <a:picLocks noChangeAspect="1" noChangeArrowheads="1"/>
          </p:cNvPicPr>
          <p:nvPr/>
        </p:nvPicPr>
        <p:blipFill>
          <a:blip r:embed="rId3" cstate="email">
            <a:duotone>
              <a:schemeClr val="accent1">
                <a:shade val="45000"/>
                <a:satMod val="135000"/>
              </a:schemeClr>
              <a:prstClr val="white"/>
            </a:duotone>
            <a:lum bright="-100000" contrast="-100000"/>
          </a:blip>
          <a:srcRect/>
          <a:stretch>
            <a:fillRect/>
          </a:stretch>
        </p:blipFill>
        <p:spPr bwMode="auto">
          <a:xfrm>
            <a:off x="5257800" y="0"/>
            <a:ext cx="4419600" cy="2781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4" descr="E:\QFQXM\2013\s6041\PPT文件\第4页-3.pn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5715000" y="0"/>
            <a:ext cx="3124200" cy="1866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TextBox 11"/>
          <p:cNvSpPr txBox="1"/>
          <p:nvPr/>
        </p:nvSpPr>
        <p:spPr>
          <a:xfrm>
            <a:off x="124544" y="2324100"/>
            <a:ext cx="4720782" cy="1119186"/>
          </a:xfrm>
          <a:prstGeom prst="rect">
            <a:avLst/>
          </a:prstGeom>
          <a:noFill/>
        </p:spPr>
        <p:txBody>
          <a:bodyPr wrap="none" lIns="72042" tIns="36021" rIns="72042" bIns="36021" rtlCol="0">
            <a:spAutoFit/>
          </a:bodyPr>
          <a:lstStyle/>
          <a:p>
            <a:pPr algn="r"/>
            <a:r>
              <a:rPr lang="en-US" altLang="zh-CN" sz="4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ea typeface="微软雅黑" pitchFamily="34" charset="-122"/>
              </a:rPr>
              <a:t>12 MP </a:t>
            </a:r>
            <a:r>
              <a:rPr lang="en-US" altLang="zh-CN" sz="44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CAMERA</a:t>
            </a:r>
          </a:p>
          <a:p>
            <a:pPr algn="r"/>
            <a:r>
              <a:rPr lang="en-US" altLang="zh-CN" sz="2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ea typeface="微软雅黑" pitchFamily="34" charset="-122"/>
              </a:rPr>
              <a:t>WITH DUAL LED FLASH</a:t>
            </a:r>
            <a:endParaRPr lang="zh-CN" altLang="en-US" sz="2800" dirty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微软雅黑" pitchFamily="34" charset="-122"/>
            </a:endParaRPr>
          </a:p>
        </p:txBody>
      </p:sp>
      <p:pic>
        <p:nvPicPr>
          <p:cNvPr id="6" name="Picture 2" descr="D:\Coco_Work\2012\产品\S9301\产品培训\未标题-17.png"/>
          <p:cNvPicPr>
            <a:picLocks noChangeAspect="1" noChangeArrowheads="1"/>
          </p:cNvPicPr>
          <p:nvPr/>
        </p:nvPicPr>
        <p:blipFill>
          <a:blip r:embed="rId5" cstate="email"/>
          <a:srcRect/>
          <a:stretch>
            <a:fillRect/>
          </a:stretch>
        </p:blipFill>
        <p:spPr bwMode="auto">
          <a:xfrm>
            <a:off x="-3505200" y="647700"/>
            <a:ext cx="3276600" cy="5067300"/>
          </a:xfrm>
          <a:prstGeom prst="rect">
            <a:avLst/>
          </a:prstGeom>
          <a:noFill/>
        </p:spPr>
      </p:pic>
      <p:sp>
        <p:nvSpPr>
          <p:cNvPr id="7" name="TextBox 6"/>
          <p:cNvSpPr txBox="1"/>
          <p:nvPr/>
        </p:nvSpPr>
        <p:spPr>
          <a:xfrm>
            <a:off x="4495800" y="1943100"/>
            <a:ext cx="5384233" cy="749854"/>
          </a:xfrm>
          <a:prstGeom prst="rect">
            <a:avLst/>
          </a:prstGeom>
          <a:noFill/>
          <a:ln>
            <a:noFill/>
          </a:ln>
        </p:spPr>
        <p:txBody>
          <a:bodyPr wrap="none" lIns="72042" tIns="36021" rIns="72042" bIns="36021" rtlCol="0">
            <a:spAutoFit/>
          </a:bodyPr>
          <a:lstStyle/>
          <a:p>
            <a:r>
              <a:rPr lang="en-US" altLang="zh-CN" sz="36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  <a:ea typeface="微软雅黑" pitchFamily="34" charset="-122"/>
              </a:rPr>
              <a:t>5.0 MP </a:t>
            </a:r>
            <a:r>
              <a:rPr lang="en-US" altLang="zh-CN" sz="44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Front</a:t>
            </a:r>
            <a:r>
              <a:rPr lang="en-US" altLang="zh-CN" sz="3600" dirty="0" smtClean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  <a:ea typeface="微软雅黑" pitchFamily="34" charset="-122"/>
              </a:rPr>
              <a:t> </a:t>
            </a:r>
            <a:r>
              <a:rPr lang="en-US" altLang="zh-CN" sz="3600" dirty="0">
                <a:solidFill>
                  <a:schemeClr val="bg1">
                    <a:lumMod val="50000"/>
                  </a:schemeClr>
                </a:solidFill>
                <a:latin typeface="Century Gothic" pitchFamily="34" charset="0"/>
                <a:ea typeface="微软雅黑" pitchFamily="34" charset="-122"/>
              </a:rPr>
              <a:t>Camera</a:t>
            </a:r>
            <a:endParaRPr lang="zh-CN" altLang="en-US" sz="3600" dirty="0">
              <a:solidFill>
                <a:schemeClr val="bg1">
                  <a:lumMod val="50000"/>
                </a:schemeClr>
              </a:solidFill>
              <a:latin typeface="Century Gothic" pitchFamily="34" charset="0"/>
              <a:ea typeface="微软雅黑" pitchFamily="34" charset="-122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676401" y="3781114"/>
            <a:ext cx="3164648" cy="12861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lnSpc>
                <a:spcPct val="150000"/>
              </a:lnSpc>
            </a:pPr>
            <a:r>
              <a:rPr lang="en-US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MULTI ZOOM</a:t>
            </a:r>
          </a:p>
          <a:p>
            <a:pPr algn="r">
              <a:lnSpc>
                <a:spcPct val="150000"/>
              </a:lnSpc>
            </a:pPr>
            <a:r>
              <a:rPr lang="en-US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WIDE SCREEN VIDEO</a:t>
            </a:r>
          </a:p>
          <a:p>
            <a:pPr algn="r">
              <a:lnSpc>
                <a:spcPct val="150000"/>
              </a:lnSpc>
            </a:pPr>
            <a:r>
              <a:rPr lang="en-US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MULTIPLE PICTURE SETTINGS</a:t>
            </a:r>
          </a:p>
        </p:txBody>
      </p:sp>
    </p:spTree>
  </p:cSld>
  <p:clrMapOvr>
    <a:masterClrMapping/>
  </p:clrMapOvr>
  <p:transition>
    <p:fade thruBlk="1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35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discrete" valueType="str">
                                      <p:cBhvr>
                                        <p:cTn id="12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hidden"/>
                                          </p:val>
                                        </p:tav>
                                        <p:tav tm="50000">
                                          <p:val>
                                            <p:strVal val="visible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4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2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4000"/>
                            </p:stCondLst>
                            <p:childTnLst>
                              <p:par>
                                <p:cTn id="2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2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63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93939E-6 2.42088E-6 L 0.45834 2.42088E-6 " pathEditMode="relative" rAng="0" ptsTypes="AA">
                                      <p:cBhvr>
                                        <p:cTn id="2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29" y="0"/>
                                    </p:animMotion>
                                  </p:childTnLst>
                                </p:cTn>
                              </p:par>
                              <p:par>
                                <p:cTn id="27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8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9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0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2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3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2000"/>
                            </p:stCondLst>
                            <p:childTnLst>
                              <p:par>
                                <p:cTn id="46" presetID="4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/>
      <p:bldP spid="12" grpId="1"/>
      <p:bldP spid="7" grpId="0"/>
      <p:bldP spid="11" grpId="0"/>
      <p:bldP spid="11" grpId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ARNAB BACKUP\PRODUCT PRESENTATIONS\2013\QUADCORE LOGO\Cube-Rubiks copy.png"/>
          <p:cNvPicPr>
            <a:picLocks noChangeAspect="1" noChangeArrowheads="1"/>
          </p:cNvPicPr>
          <p:nvPr/>
        </p:nvPicPr>
        <p:blipFill>
          <a:blip r:embed="rId2" cstate="screen"/>
          <a:srcRect/>
          <a:stretch>
            <a:fillRect/>
          </a:stretch>
        </p:blipFill>
        <p:spPr bwMode="auto">
          <a:xfrm rot="21020555">
            <a:off x="1550322" y="803704"/>
            <a:ext cx="4876800" cy="3451156"/>
          </a:xfrm>
          <a:prstGeom prst="rect">
            <a:avLst/>
          </a:prstGeom>
          <a:noFill/>
        </p:spPr>
      </p:pic>
      <p:sp>
        <p:nvSpPr>
          <p:cNvPr id="7" name="Title 1"/>
          <p:cNvSpPr txBox="1">
            <a:spLocks/>
          </p:cNvSpPr>
          <p:nvPr/>
        </p:nvSpPr>
        <p:spPr>
          <a:xfrm>
            <a:off x="3886200" y="190500"/>
            <a:ext cx="6019800" cy="685800"/>
          </a:xfrm>
          <a:prstGeom prst="rect">
            <a:avLst/>
          </a:prstGeom>
        </p:spPr>
        <p:txBody>
          <a:bodyPr lIns="100950" tIns="50475" rIns="100950" bIns="50475">
            <a:noAutofit/>
          </a:bodyPr>
          <a:lstStyle/>
          <a:p>
            <a:pPr algn="r">
              <a:spcBef>
                <a:spcPct val="0"/>
              </a:spcBef>
            </a:pPr>
            <a:r>
              <a:rPr lang="en-US" altLang="zh-CN" sz="4400" dirty="0" smtClean="0">
                <a:solidFill>
                  <a:schemeClr val="bg1"/>
                </a:solidFill>
                <a:latin typeface="Sketch Block" pitchFamily="2" charset="0"/>
                <a:ea typeface="微软雅黑" pitchFamily="34" charset="-122"/>
              </a:rPr>
              <a:t>1.2GHz </a:t>
            </a:r>
            <a:r>
              <a:rPr lang="en-US" sz="3600" dirty="0" smtClean="0">
                <a:solidFill>
                  <a:schemeClr val="bg1"/>
                </a:solidFill>
                <a:latin typeface="Sketch Block" pitchFamily="2" charset="0"/>
                <a:ea typeface="+mj-ea"/>
                <a:cs typeface="+mj-cs"/>
              </a:rPr>
              <a:t>QUAD CORE</a:t>
            </a:r>
          </a:p>
          <a:p>
            <a:pPr algn="r">
              <a:spcBef>
                <a:spcPct val="0"/>
              </a:spcBef>
            </a:pPr>
            <a:r>
              <a:rPr lang="en-US" sz="2400" dirty="0" smtClean="0">
                <a:solidFill>
                  <a:schemeClr val="bg1"/>
                </a:solidFill>
                <a:latin typeface="Century Gothic" pitchFamily="34" charset="0"/>
                <a:ea typeface="+mj-ea"/>
                <a:cs typeface="+mj-cs"/>
              </a:rPr>
              <a:t>PROCESSOR</a:t>
            </a:r>
            <a:endParaRPr lang="en-IN" sz="3100" dirty="0">
              <a:solidFill>
                <a:schemeClr val="bg1"/>
              </a:solidFill>
              <a:latin typeface="Century Gothic" pitchFamily="34" charset="0"/>
              <a:ea typeface="+mj-ea"/>
              <a:cs typeface="+mj-cs"/>
            </a:endParaRPr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5486400" y="1318242"/>
            <a:ext cx="4419600" cy="1005858"/>
          </a:xfrm>
          <a:prstGeom prst="rect">
            <a:avLst/>
          </a:prstGeom>
        </p:spPr>
        <p:txBody>
          <a:bodyPr vert="horz" lIns="100950" tIns="50475" rIns="100950" bIns="50475" rtlCol="0">
            <a:noAutofit/>
          </a:bodyPr>
          <a:lstStyle/>
          <a:p>
            <a:pPr algn="r"/>
            <a:r>
              <a:rPr lang="en-US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</a:rPr>
              <a:t>Seamless Multitasking</a:t>
            </a:r>
          </a:p>
          <a:p>
            <a:pPr algn="r">
              <a:lnSpc>
                <a:spcPct val="150000"/>
              </a:lnSpc>
            </a:pPr>
            <a:r>
              <a:rPr lang="en-US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</a:rPr>
              <a:t>Blazing Download speed of 42Mbps</a:t>
            </a:r>
            <a:endParaRPr lang="en-IN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</a:endParaRPr>
          </a:p>
          <a:p>
            <a:pPr algn="r">
              <a:lnSpc>
                <a:spcPct val="150000"/>
              </a:lnSpc>
            </a:pPr>
            <a:endParaRPr lang="en-IN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</a:endParaRPr>
          </a:p>
          <a:p>
            <a:pPr marL="1753" indent="-1753" algn="r">
              <a:lnSpc>
                <a:spcPct val="150000"/>
              </a:lnSpc>
              <a:spcBef>
                <a:spcPct val="20000"/>
              </a:spcBef>
              <a:defRPr/>
            </a:pPr>
            <a:endParaRPr lang="en-IN" dirty="0" smtClean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</a:endParaRPr>
          </a:p>
        </p:txBody>
      </p:sp>
      <p:pic>
        <p:nvPicPr>
          <p:cNvPr id="9" name="Picture 3" descr="D:\Coco_Work\2012\产品\S9301\产品培训\未标题-22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0" y="3314700"/>
            <a:ext cx="8034388" cy="2215263"/>
          </a:xfrm>
          <a:prstGeom prst="rect">
            <a:avLst/>
          </a:prstGeom>
          <a:noFill/>
        </p:spPr>
      </p:pic>
    </p:spTree>
  </p:cSld>
  <p:clrMapOvr>
    <a:masterClrMapping/>
  </p:clrMapOvr>
  <p:transition>
    <p:fade thruBlk="1"/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chemeClr val="bg1">
                <a:lumMod val="95000"/>
              </a:schemeClr>
            </a:gs>
            <a:gs pos="50000">
              <a:schemeClr val="bg1">
                <a:lumMod val="75000"/>
                <a:alpha val="47000"/>
              </a:schemeClr>
            </a:gs>
            <a:gs pos="100000">
              <a:schemeClr val="tx1">
                <a:lumMod val="50000"/>
                <a:lumOff val="50000"/>
                <a:alpha val="64000"/>
              </a:schemeClr>
            </a:gs>
          </a:gsLst>
          <a:path path="circle">
            <a:fillToRect l="50000" t="50000" r="50000" b="50000"/>
          </a:path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800" y="3924300"/>
            <a:ext cx="4114800" cy="880098"/>
          </a:xfrm>
        </p:spPr>
        <p:txBody>
          <a:bodyPr>
            <a:noAutofit/>
          </a:bodyPr>
          <a:lstStyle/>
          <a:p>
            <a:pPr algn="l"/>
            <a:r>
              <a:rPr lang="en-US" altLang="zh-CN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  <a:cs typeface="+mn-cs"/>
              </a:rPr>
              <a:t>Android</a:t>
            </a:r>
            <a:r>
              <a:rPr lang="en-US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</a:rPr>
              <a:t> 4.2.1</a:t>
            </a:r>
            <a:endParaRPr lang="en-IN" sz="1100" dirty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</a:endParaRPr>
          </a:p>
        </p:txBody>
      </p:sp>
      <p:pic>
        <p:nvPicPr>
          <p:cNvPr id="2057" name="Picture 9" descr="E:\SHIT\Serious SHIT\Models\A240-Pendin\back-white--shadow.png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7367093" y="342900"/>
            <a:ext cx="2462707" cy="4800600"/>
          </a:xfrm>
          <a:prstGeom prst="rect">
            <a:avLst/>
          </a:prstGeom>
          <a:noFill/>
        </p:spPr>
      </p:pic>
      <p:pic>
        <p:nvPicPr>
          <p:cNvPr id="2060" name="Picture 12" descr="E:\SHIT\Serious SHIT\Models\A240-Pendin\android-shadow2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4800600" y="-38100"/>
            <a:ext cx="2975324" cy="5868000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1752600" y="4482382"/>
            <a:ext cx="2398413" cy="7373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lnSpc>
                <a:spcPct val="150000"/>
              </a:lnSpc>
            </a:pPr>
            <a:r>
              <a:rPr lang="en-US" sz="32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JELLY BEAN</a:t>
            </a:r>
          </a:p>
        </p:txBody>
      </p:sp>
    </p:spTree>
  </p:cSld>
  <p:clrMapOvr>
    <a:masterClrMapping/>
  </p:clrMapOvr>
  <p:transition>
    <p:fade thruBlk="1"/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chemeClr val="bg1">
                <a:lumMod val="95000"/>
              </a:schemeClr>
            </a:gs>
            <a:gs pos="50000">
              <a:schemeClr val="bg1">
                <a:lumMod val="75000"/>
              </a:schemeClr>
            </a:gs>
            <a:gs pos="100000">
              <a:schemeClr val="tx1">
                <a:lumMod val="50000"/>
                <a:lumOff val="50000"/>
                <a:alpha val="76000"/>
              </a:schemeClr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 descr="005"/>
          <p:cNvPicPr>
            <a:picLocks noChangeAspect="1" noChangeArrowheads="1"/>
          </p:cNvPicPr>
          <p:nvPr/>
        </p:nvPicPr>
        <p:blipFill>
          <a:blip r:embed="rId2" cstate="email"/>
          <a:srcRect/>
          <a:stretch>
            <a:fillRect/>
          </a:stretch>
        </p:blipFill>
        <p:spPr bwMode="auto">
          <a:xfrm>
            <a:off x="2667000" y="778062"/>
            <a:ext cx="2514600" cy="42892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6" name="Picture 2" descr="E:\SHIT\Serious SHIT\Models\A240-Pendin\back-blue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-457200" y="-38100"/>
            <a:ext cx="3048000" cy="5980450"/>
          </a:xfrm>
          <a:prstGeom prst="rect">
            <a:avLst/>
          </a:prstGeom>
          <a:noFill/>
        </p:spPr>
      </p:pic>
      <p:sp>
        <p:nvSpPr>
          <p:cNvPr id="6" name="Title 1"/>
          <p:cNvSpPr txBox="1">
            <a:spLocks/>
          </p:cNvSpPr>
          <p:nvPr/>
        </p:nvSpPr>
        <p:spPr>
          <a:xfrm>
            <a:off x="5105400" y="4076700"/>
            <a:ext cx="4648200" cy="1447800"/>
          </a:xfrm>
          <a:prstGeom prst="rect">
            <a:avLst/>
          </a:prstGeom>
        </p:spPr>
        <p:txBody>
          <a:bodyPr lIns="100950" tIns="50475" rIns="100950" bIns="50475">
            <a:noAutofit/>
          </a:bodyPr>
          <a:lstStyle/>
          <a:p>
            <a:pPr algn="r">
              <a:spcBef>
                <a:spcPct val="0"/>
              </a:spcBef>
            </a:pPr>
            <a:r>
              <a:rPr lang="en-US" altLang="zh-CN" sz="44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ALUMINIUM </a:t>
            </a:r>
            <a:r>
              <a:rPr lang="en-US" altLang="zh-CN" sz="4400" dirty="0" smtClean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ea typeface="微软雅黑" pitchFamily="34" charset="-122"/>
              </a:rPr>
              <a:t>BATTERY COVER</a:t>
            </a:r>
            <a:endParaRPr lang="en-IN" altLang="zh-CN" sz="4400" dirty="0">
              <a:solidFill>
                <a:schemeClr val="tx1">
                  <a:lumMod val="50000"/>
                  <a:lumOff val="50000"/>
                </a:schemeClr>
              </a:solidFill>
              <a:latin typeface="Century Gothic" pitchFamily="34" charset="0"/>
              <a:ea typeface="微软雅黑" pitchFamily="34" charset="-122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bg1">
                <a:lumMod val="95000"/>
              </a:schemeClr>
            </a:gs>
            <a:gs pos="52000">
              <a:schemeClr val="bg1">
                <a:lumMod val="85000"/>
                <a:alpha val="42000"/>
              </a:schemeClr>
            </a:gs>
            <a:gs pos="80000">
              <a:schemeClr val="tx1">
                <a:lumMod val="50000"/>
                <a:lumOff val="50000"/>
                <a:alpha val="26000"/>
              </a:schemeClr>
            </a:gs>
          </a:gsLst>
          <a:path path="circle">
            <a:fillToRect l="50000" t="50000" r="50000" b="50000"/>
          </a:path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" descr="E:\SHIT\Serious SHIT\Models\A240-Pendin\without-stylus.png"/>
          <p:cNvPicPr>
            <a:picLocks noChangeAspect="1" noChangeArrowheads="1"/>
          </p:cNvPicPr>
          <p:nvPr/>
        </p:nvPicPr>
        <p:blipFill>
          <a:blip r:embed="rId3" cstate="email"/>
          <a:srcRect/>
          <a:stretch>
            <a:fillRect/>
          </a:stretch>
        </p:blipFill>
        <p:spPr bwMode="auto">
          <a:xfrm>
            <a:off x="0" y="114300"/>
            <a:ext cx="5886442" cy="5400000"/>
          </a:xfrm>
          <a:prstGeom prst="rect">
            <a:avLst/>
          </a:prstGeom>
          <a:noFill/>
        </p:spPr>
      </p:pic>
      <p:sp>
        <p:nvSpPr>
          <p:cNvPr id="19" name="TextBox 18"/>
          <p:cNvSpPr txBox="1"/>
          <p:nvPr/>
        </p:nvSpPr>
        <p:spPr>
          <a:xfrm>
            <a:off x="5334000" y="1333500"/>
            <a:ext cx="4666662" cy="390029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  <a:buNone/>
            </a:pPr>
            <a:r>
              <a:rPr lang="en-US" altLang="zh-CN" sz="28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16GB+1GB MEMORY</a:t>
            </a:r>
          </a:p>
          <a:p>
            <a:pPr>
              <a:lnSpc>
                <a:spcPct val="150000"/>
              </a:lnSpc>
              <a:buNone/>
            </a:pPr>
            <a:r>
              <a:rPr lang="en-US" altLang="zh-CN" sz="28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UP TO 32 GB EXPANDABLE</a:t>
            </a:r>
          </a:p>
          <a:p>
            <a:pPr>
              <a:lnSpc>
                <a:spcPct val="150000"/>
              </a:lnSpc>
              <a:buNone/>
            </a:pPr>
            <a:r>
              <a:rPr lang="en-US" altLang="zh-CN" sz="28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10GB INTERNAL STORAGE</a:t>
            </a:r>
          </a:p>
          <a:p>
            <a:pPr>
              <a:lnSpc>
                <a:spcPct val="150000"/>
              </a:lnSpc>
              <a:buNone/>
            </a:pPr>
            <a:r>
              <a:rPr lang="en-US" altLang="zh-CN" sz="28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2600 mAh LI-ION BATTERY</a:t>
            </a:r>
          </a:p>
          <a:p>
            <a:pPr>
              <a:lnSpc>
                <a:spcPct val="150000"/>
              </a:lnSpc>
              <a:buNone/>
            </a:pPr>
            <a:r>
              <a:rPr lang="en-US" altLang="zh-CN" sz="28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CAPACITIVE STYLUS </a:t>
            </a:r>
          </a:p>
          <a:p>
            <a:pPr>
              <a:lnSpc>
                <a:spcPct val="150000"/>
              </a:lnSpc>
              <a:buNone/>
            </a:pPr>
            <a:r>
              <a:rPr lang="en-US" altLang="zh-CN" sz="28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FLIPCOVER</a:t>
            </a:r>
            <a:endParaRPr lang="en-US" sz="2800" dirty="0">
              <a:solidFill>
                <a:schemeClr val="tx1">
                  <a:lumMod val="65000"/>
                  <a:lumOff val="35000"/>
                </a:schemeClr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5638800" y="190500"/>
            <a:ext cx="4277068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altLang="zh-CN" sz="36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Sketch Block" pitchFamily="2" charset="0"/>
                <a:ea typeface="微软雅黑" pitchFamily="34" charset="-122"/>
              </a:rPr>
              <a:t>POWERPACKED</a:t>
            </a:r>
            <a:r>
              <a:rPr lang="en-US" sz="2400" dirty="0" smtClean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itchFamily="34" charset="0"/>
              </a:rPr>
              <a:t> </a:t>
            </a:r>
            <a:endParaRPr lang="en-US" sz="2400" dirty="0">
              <a:solidFill>
                <a:schemeClr val="tx1">
                  <a:lumMod val="65000"/>
                  <a:lumOff val="35000"/>
                </a:schemeClr>
              </a:solidFill>
              <a:latin typeface="Century Gothic" pitchFamily="34" charset="0"/>
            </a:endParaRPr>
          </a:p>
        </p:txBody>
      </p:sp>
      <p:pic>
        <p:nvPicPr>
          <p:cNvPr id="1026" name="Picture 2" descr="E:\SHIT\Serious SHIT\Models\A240-Pendin\stylus-shad.png"/>
          <p:cNvPicPr>
            <a:picLocks noChangeAspect="1" noChangeArrowheads="1"/>
          </p:cNvPicPr>
          <p:nvPr/>
        </p:nvPicPr>
        <p:blipFill>
          <a:blip r:embed="rId4" cstate="email"/>
          <a:srcRect/>
          <a:stretch>
            <a:fillRect/>
          </a:stretch>
        </p:blipFill>
        <p:spPr bwMode="auto">
          <a:xfrm>
            <a:off x="1447800" y="2237700"/>
            <a:ext cx="1143000" cy="3238500"/>
          </a:xfrm>
          <a:prstGeom prst="rect">
            <a:avLst/>
          </a:prstGeom>
          <a:noFill/>
        </p:spPr>
      </p:pic>
    </p:spTree>
  </p:cSld>
  <p:clrMapOvr>
    <a:masterClrMapping/>
  </p:clrMapOvr>
  <p:transition>
    <p:fade thruBlk="1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"/>
                                        <p:tgtEl>
                                          <p:spTgt spid="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300" fill="hold"/>
                                        <p:tgtEl>
                                          <p:spTgt spid="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300" fill="hold"/>
                                        <p:tgtEl>
                                          <p:spTgt spid="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300"/>
                            </p:stCondLst>
                            <p:childTnLst>
                              <p:par>
                                <p:cTn id="11" presetID="4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300"/>
                                        <p:tgtEl>
                                          <p:spTgt spid="1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300" fill="hold"/>
                                        <p:tgtEl>
                                          <p:spTgt spid="1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300" fill="hold"/>
                                        <p:tgtEl>
                                          <p:spTgt spid="1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600"/>
                            </p:stCondLst>
                            <p:childTnLst>
                              <p:par>
                                <p:cTn id="17" presetID="4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300"/>
                                        <p:tgtEl>
                                          <p:spTgt spid="1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300" fill="hold"/>
                                        <p:tgtEl>
                                          <p:spTgt spid="1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300" fill="hold"/>
                                        <p:tgtEl>
                                          <p:spTgt spid="1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900"/>
                            </p:stCondLst>
                            <p:childTnLst>
                              <p:par>
                                <p:cTn id="23" presetID="4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300"/>
                                        <p:tgtEl>
                                          <p:spTgt spid="1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300" fill="hold"/>
                                        <p:tgtEl>
                                          <p:spTgt spid="1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300" fill="hold"/>
                                        <p:tgtEl>
                                          <p:spTgt spid="1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1200"/>
                            </p:stCondLst>
                            <p:childTnLst>
                              <p:par>
                                <p:cTn id="29" presetID="4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300"/>
                                        <p:tgtEl>
                                          <p:spTgt spid="1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2" dur="300" fill="hold"/>
                                        <p:tgtEl>
                                          <p:spTgt spid="1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300" fill="hold"/>
                                        <p:tgtEl>
                                          <p:spTgt spid="1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1500"/>
                            </p:stCondLst>
                            <p:childTnLst>
                              <p:par>
                                <p:cTn id="35" presetID="4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300"/>
                                        <p:tgtEl>
                                          <p:spTgt spid="1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300" fill="hold"/>
                                        <p:tgtEl>
                                          <p:spTgt spid="1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300" fill="hold"/>
                                        <p:tgtEl>
                                          <p:spTgt spid="1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uiExpand="1" build="p"/>
    </p:bld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4477</TotalTime>
  <Words>374</Words>
  <Application>Microsoft Office PowerPoint</Application>
  <PresentationFormat>Custom</PresentationFormat>
  <Paragraphs>87</Paragraphs>
  <Slides>21</Slides>
  <Notes>2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1</vt:i4>
      </vt:variant>
    </vt:vector>
  </HeadingPairs>
  <TitlesOfParts>
    <vt:vector size="22" baseType="lpstr">
      <vt:lpstr>Office Theme</vt:lpstr>
      <vt:lpstr>Slide 1</vt:lpstr>
      <vt:lpstr>Slide 2</vt:lpstr>
      <vt:lpstr>Slide 3</vt:lpstr>
      <vt:lpstr>Slide 4</vt:lpstr>
      <vt:lpstr>Slide 5</vt:lpstr>
      <vt:lpstr>Slide 6</vt:lpstr>
      <vt:lpstr>Android 4.2.1</vt:lpstr>
      <vt:lpstr>Slide 8</vt:lpstr>
      <vt:lpstr>Slide 9</vt:lpstr>
      <vt:lpstr>Slide 10</vt:lpstr>
      <vt:lpstr>Slide 11</vt:lpstr>
      <vt:lpstr>Slide 12</vt:lpstr>
      <vt:lpstr>Slide 13</vt:lpstr>
      <vt:lpstr>Slide 14</vt:lpstr>
      <vt:lpstr>Slide 15</vt:lpstr>
      <vt:lpstr>Slide 16</vt:lpstr>
      <vt:lpstr>Slide 17</vt:lpstr>
      <vt:lpstr>Slide 18</vt:lpstr>
      <vt:lpstr>Slide 19</vt:lpstr>
      <vt:lpstr>Slide 20</vt:lpstr>
      <vt:lpstr>Slide 21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arnab</dc:creator>
  <cp:lastModifiedBy>arnab</cp:lastModifiedBy>
  <cp:revision>230</cp:revision>
  <dcterms:created xsi:type="dcterms:W3CDTF">2013-07-06T13:16:47Z</dcterms:created>
  <dcterms:modified xsi:type="dcterms:W3CDTF">2013-08-21T10:13:14Z</dcterms:modified>
</cp:coreProperties>
</file>